
<file path=[Content_Types].xml><?xml version="1.0" encoding="utf-8"?>
<Types xmlns="http://schemas.openxmlformats.org/package/2006/content-types">
  <Default Extension="gif" ContentType="image/gif"/>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xml" ContentType="application/vnd.openxmlformats-officedocument.presentationml.tags+xml"/>
  <Override PartName="/ppt/notesSlides/notesSlide7.xml" ContentType="application/vnd.openxmlformats-officedocument.presentationml.notesSlide+xml"/>
  <Override PartName="/ppt/comments/comment1.xml" ContentType="application/vnd.openxmlformats-officedocument.presentationml.comment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omments/comment2.xml" ContentType="application/vnd.openxmlformats-officedocument.presentationml.comment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comments/comment3.xml" ContentType="application/vnd.openxmlformats-officedocument.presentationml.comments+xml"/>
  <Override PartName="/ppt/notesSlides/notesSlide17.xml" ContentType="application/vnd.openxmlformats-officedocument.presentationml.notesSlide+xml"/>
  <Override PartName="/ppt/tags/tag2.xml" ContentType="application/vnd.openxmlformats-officedocument.presentationml.tags+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21.xml" ContentType="application/vnd.openxmlformats-officedocument.presentationml.notesSlide+xml"/>
  <Override PartName="/ppt/comments/comment4.xml" ContentType="application/vnd.openxmlformats-officedocument.presentationml.comments+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saveSubsetFonts="1" autoCompressPictures="0">
  <p:sldMasterIdLst>
    <p:sldMasterId id="2147483699" r:id="rId4"/>
  </p:sldMasterIdLst>
  <p:notesMasterIdLst>
    <p:notesMasterId r:id="rId29"/>
  </p:notesMasterIdLst>
  <p:sldIdLst>
    <p:sldId id="257" r:id="rId5"/>
    <p:sldId id="267" r:id="rId6"/>
    <p:sldId id="302" r:id="rId7"/>
    <p:sldId id="287" r:id="rId8"/>
    <p:sldId id="1843" r:id="rId9"/>
    <p:sldId id="1842" r:id="rId10"/>
    <p:sldId id="293" r:id="rId11"/>
    <p:sldId id="270" r:id="rId12"/>
    <p:sldId id="292" r:id="rId13"/>
    <p:sldId id="286" r:id="rId14"/>
    <p:sldId id="283" r:id="rId15"/>
    <p:sldId id="295" r:id="rId16"/>
    <p:sldId id="298" r:id="rId17"/>
    <p:sldId id="294" r:id="rId18"/>
    <p:sldId id="297" r:id="rId19"/>
    <p:sldId id="296" r:id="rId20"/>
    <p:sldId id="300" r:id="rId21"/>
    <p:sldId id="290" r:id="rId22"/>
    <p:sldId id="299" r:id="rId23"/>
    <p:sldId id="301" r:id="rId24"/>
    <p:sldId id="284" r:id="rId25"/>
    <p:sldId id="1845" r:id="rId26"/>
    <p:sldId id="1844" r:id="rId27"/>
    <p:sldId id="285" r:id="rId28"/>
  </p:sldIdLst>
  <p:sldSz cx="9144000" cy="5143500" type="screen16x9"/>
  <p:notesSz cx="6858000" cy="9144000"/>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ingallon, Maria" initials="MM" lastIdx="2" clrIdx="0">
    <p:extLst>
      <p:ext uri="{19B8F6BF-5375-455C-9EA6-DF929625EA0E}">
        <p15:presenceInfo xmlns:p15="http://schemas.microsoft.com/office/powerpoint/2012/main" userId="Mingallon, Maria" providerId="None"/>
      </p:ext>
    </p:extLst>
  </p:cmAuthor>
  <p:cmAuthor id="2" name="Ronald Tong" initials="RT" lastIdx="3" clrIdx="1">
    <p:extLst>
      <p:ext uri="{19B8F6BF-5375-455C-9EA6-DF929625EA0E}">
        <p15:presenceInfo xmlns:p15="http://schemas.microsoft.com/office/powerpoint/2012/main" userId="S::Ronald.Tong@mottmac.com::26f78301-a32f-460f-a787-6ee5fd2eb1b5" providerId="AD"/>
      </p:ext>
    </p:extLst>
  </p:cmAuthor>
  <p:cmAuthor id="3" name="Steve Grigg" initials="SG" lastIdx="4" clrIdx="2">
    <p:extLst>
      <p:ext uri="{19B8F6BF-5375-455C-9EA6-DF929625EA0E}">
        <p15:presenceInfo xmlns:p15="http://schemas.microsoft.com/office/powerpoint/2012/main" userId="S::Steve.Grigg@mottmac.com::8751aa99-eeaf-485f-89a4-df3fadfd694e"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9F0DA"/>
    <a:srgbClr val="323232"/>
    <a:srgbClr val="FBDED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139E4CD-11EC-4754-AB38-D2C7A547B19A}" v="423" dt="2021-06-09T01:14:26.746"/>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2609" autoAdjust="0"/>
    <p:restoredTop sz="80098" autoAdjust="0"/>
  </p:normalViewPr>
  <p:slideViewPr>
    <p:cSldViewPr snapToGrid="0">
      <p:cViewPr varScale="1">
        <p:scale>
          <a:sx n="168" d="100"/>
          <a:sy n="168" d="100"/>
        </p:scale>
        <p:origin x="4044" y="138"/>
      </p:cViewPr>
      <p:guideLst>
        <p:guide orient="horz" pos="1620"/>
        <p:guide pos="2880"/>
      </p:guideLst>
    </p:cSldViewPr>
  </p:slideViewPr>
  <p:notesTextViewPr>
    <p:cViewPr>
      <p:scale>
        <a:sx n="150" d="100"/>
        <a:sy n="150" d="100"/>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tableStyles" Target="tableStyle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microsoft.com/office/2015/10/relationships/revisionInfo" Target="revisionInfo.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commentAuthors" Target="commentAuthors.xml"/><Relationship Id="rId35"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teve Grigg" userId="8751aa99-eeaf-485f-89a4-df3fadfd694e" providerId="ADAL" clId="{E57958DB-AF7D-4955-A7B8-9241B566D877}"/>
    <pc:docChg chg="undo custSel addSld modSld sldOrd">
      <pc:chgData name="Steve Grigg" userId="8751aa99-eeaf-485f-89a4-df3fadfd694e" providerId="ADAL" clId="{E57958DB-AF7D-4955-A7B8-9241B566D877}" dt="2021-06-07T00:10:32.687" v="2007" actId="20577"/>
      <pc:docMkLst>
        <pc:docMk/>
      </pc:docMkLst>
      <pc:sldChg chg="modNotesTx">
        <pc:chgData name="Steve Grigg" userId="8751aa99-eeaf-485f-89a4-df3fadfd694e" providerId="ADAL" clId="{E57958DB-AF7D-4955-A7B8-9241B566D877}" dt="2021-06-07T00:10:32.687" v="2007" actId="20577"/>
        <pc:sldMkLst>
          <pc:docMk/>
          <pc:sldMk cId="2659065634" sldId="267"/>
        </pc:sldMkLst>
      </pc:sldChg>
      <pc:sldChg chg="modSp">
        <pc:chgData name="Steve Grigg" userId="8751aa99-eeaf-485f-89a4-df3fadfd694e" providerId="ADAL" clId="{E57958DB-AF7D-4955-A7B8-9241B566D877}" dt="2021-06-07T00:08:44.657" v="1929" actId="207"/>
        <pc:sldMkLst>
          <pc:docMk/>
          <pc:sldMk cId="1745406771" sldId="284"/>
        </pc:sldMkLst>
        <pc:spChg chg="mod">
          <ac:chgData name="Steve Grigg" userId="8751aa99-eeaf-485f-89a4-df3fadfd694e" providerId="ADAL" clId="{E57958DB-AF7D-4955-A7B8-9241B566D877}" dt="2021-06-07T00:08:32.135" v="1924" actId="207"/>
          <ac:spMkLst>
            <pc:docMk/>
            <pc:sldMk cId="1745406771" sldId="284"/>
            <ac:spMk id="8" creationId="{0324CC8D-80FB-4F3F-AEB5-1481743BFB73}"/>
          </ac:spMkLst>
        </pc:spChg>
        <pc:spChg chg="mod">
          <ac:chgData name="Steve Grigg" userId="8751aa99-eeaf-485f-89a4-df3fadfd694e" providerId="ADAL" clId="{E57958DB-AF7D-4955-A7B8-9241B566D877}" dt="2021-06-07T00:08:36.642" v="1926" actId="207"/>
          <ac:spMkLst>
            <pc:docMk/>
            <pc:sldMk cId="1745406771" sldId="284"/>
            <ac:spMk id="9" creationId="{8374CCA8-EB96-4A5A-A360-A2A7F5C1A4CC}"/>
          </ac:spMkLst>
        </pc:spChg>
        <pc:spChg chg="mod">
          <ac:chgData name="Steve Grigg" userId="8751aa99-eeaf-485f-89a4-df3fadfd694e" providerId="ADAL" clId="{E57958DB-AF7D-4955-A7B8-9241B566D877}" dt="2021-06-07T00:08:34.471" v="1925" actId="207"/>
          <ac:spMkLst>
            <pc:docMk/>
            <pc:sldMk cId="1745406771" sldId="284"/>
            <ac:spMk id="21" creationId="{9B421BD8-7137-4285-8F1F-E1F771DE6598}"/>
          </ac:spMkLst>
        </pc:spChg>
        <pc:spChg chg="mod">
          <ac:chgData name="Steve Grigg" userId="8751aa99-eeaf-485f-89a4-df3fadfd694e" providerId="ADAL" clId="{E57958DB-AF7D-4955-A7B8-9241B566D877}" dt="2021-06-07T00:08:38.879" v="1927" actId="207"/>
          <ac:spMkLst>
            <pc:docMk/>
            <pc:sldMk cId="1745406771" sldId="284"/>
            <ac:spMk id="22" creationId="{EE0C7FD1-1449-41E7-8571-D5FCA022363A}"/>
          </ac:spMkLst>
        </pc:spChg>
        <pc:spChg chg="mod">
          <ac:chgData name="Steve Grigg" userId="8751aa99-eeaf-485f-89a4-df3fadfd694e" providerId="ADAL" clId="{E57958DB-AF7D-4955-A7B8-9241B566D877}" dt="2021-06-07T00:08:41.939" v="1928" actId="207"/>
          <ac:spMkLst>
            <pc:docMk/>
            <pc:sldMk cId="1745406771" sldId="284"/>
            <ac:spMk id="23" creationId="{065AC99D-58CC-4C17-AA76-EBCFADFC6A01}"/>
          </ac:spMkLst>
        </pc:spChg>
        <pc:spChg chg="mod">
          <ac:chgData name="Steve Grigg" userId="8751aa99-eeaf-485f-89a4-df3fadfd694e" providerId="ADAL" clId="{E57958DB-AF7D-4955-A7B8-9241B566D877}" dt="2021-06-07T00:08:44.657" v="1929" actId="207"/>
          <ac:spMkLst>
            <pc:docMk/>
            <pc:sldMk cId="1745406771" sldId="284"/>
            <ac:spMk id="24" creationId="{EE7C6901-4E97-4267-A789-DB73179D717C}"/>
          </ac:spMkLst>
        </pc:spChg>
      </pc:sldChg>
      <pc:sldChg chg="ord modNotesTx">
        <pc:chgData name="Steve Grigg" userId="8751aa99-eeaf-485f-89a4-df3fadfd694e" providerId="ADAL" clId="{E57958DB-AF7D-4955-A7B8-9241B566D877}" dt="2021-06-06T23:43:18.800" v="1829"/>
        <pc:sldMkLst>
          <pc:docMk/>
          <pc:sldMk cId="847775485" sldId="290"/>
        </pc:sldMkLst>
      </pc:sldChg>
      <pc:sldChg chg="addSp modSp new mod modNotesTx">
        <pc:chgData name="Steve Grigg" userId="8751aa99-eeaf-485f-89a4-df3fadfd694e" providerId="ADAL" clId="{E57958DB-AF7D-4955-A7B8-9241B566D877}" dt="2021-06-06T23:37:05.199" v="1188" actId="20577"/>
        <pc:sldMkLst>
          <pc:docMk/>
          <pc:sldMk cId="2287070654" sldId="296"/>
        </pc:sldMkLst>
        <pc:spChg chg="mod">
          <ac:chgData name="Steve Grigg" userId="8751aa99-eeaf-485f-89a4-df3fadfd694e" providerId="ADAL" clId="{E57958DB-AF7D-4955-A7B8-9241B566D877}" dt="2021-06-04T01:09:48.143" v="52" actId="20577"/>
          <ac:spMkLst>
            <pc:docMk/>
            <pc:sldMk cId="2287070654" sldId="296"/>
            <ac:spMk id="2" creationId="{2B98A384-8D78-4C13-92A5-FFEE67955332}"/>
          </ac:spMkLst>
        </pc:spChg>
        <pc:spChg chg="mod">
          <ac:chgData name="Steve Grigg" userId="8751aa99-eeaf-485f-89a4-df3fadfd694e" providerId="ADAL" clId="{E57958DB-AF7D-4955-A7B8-9241B566D877}" dt="2021-06-04T01:09:51.522" v="63" actId="20577"/>
          <ac:spMkLst>
            <pc:docMk/>
            <pc:sldMk cId="2287070654" sldId="296"/>
            <ac:spMk id="3" creationId="{A5BD06F7-1280-4479-B8EF-76A14BBA63D0}"/>
          </ac:spMkLst>
        </pc:spChg>
        <pc:picChg chg="add mod">
          <ac:chgData name="Steve Grigg" userId="8751aa99-eeaf-485f-89a4-df3fadfd694e" providerId="ADAL" clId="{E57958DB-AF7D-4955-A7B8-9241B566D877}" dt="2021-06-04T01:09:35.862" v="16" actId="1076"/>
          <ac:picMkLst>
            <pc:docMk/>
            <pc:sldMk cId="2287070654" sldId="296"/>
            <ac:picMk id="1026" creationId="{A79F628A-BAB6-4463-88CC-4937D46459A9}"/>
          </ac:picMkLst>
        </pc:picChg>
        <pc:picChg chg="add mod">
          <ac:chgData name="Steve Grigg" userId="8751aa99-eeaf-485f-89a4-df3fadfd694e" providerId="ADAL" clId="{E57958DB-AF7D-4955-A7B8-9241B566D877}" dt="2021-06-04T01:09:35.068" v="15" actId="1076"/>
          <ac:picMkLst>
            <pc:docMk/>
            <pc:sldMk cId="2287070654" sldId="296"/>
            <ac:picMk id="1027" creationId="{4A8BC2F1-7636-4552-8682-821228131C93}"/>
          </ac:picMkLst>
        </pc:picChg>
      </pc:sldChg>
      <pc:sldChg chg="addSp modSp new mod modNotes modNotesTx">
        <pc:chgData name="Steve Grigg" userId="8751aa99-eeaf-485f-89a4-df3fadfd694e" providerId="ADAL" clId="{E57958DB-AF7D-4955-A7B8-9241B566D877}" dt="2021-06-06T23:36:16.709" v="1129" actId="313"/>
        <pc:sldMkLst>
          <pc:docMk/>
          <pc:sldMk cId="575484831" sldId="298"/>
        </pc:sldMkLst>
        <pc:spChg chg="mod">
          <ac:chgData name="Steve Grigg" userId="8751aa99-eeaf-485f-89a4-df3fadfd694e" providerId="ADAL" clId="{E57958DB-AF7D-4955-A7B8-9241B566D877}" dt="2021-06-06T23:31:25.097" v="407" actId="20577"/>
          <ac:spMkLst>
            <pc:docMk/>
            <pc:sldMk cId="575484831" sldId="298"/>
            <ac:spMk id="2" creationId="{BE3B972B-0F71-40E0-B991-F3D5A92C4571}"/>
          </ac:spMkLst>
        </pc:spChg>
        <pc:spChg chg="mod">
          <ac:chgData name="Steve Grigg" userId="8751aa99-eeaf-485f-89a4-df3fadfd694e" providerId="ADAL" clId="{E57958DB-AF7D-4955-A7B8-9241B566D877}" dt="2021-06-06T23:33:18.134" v="578" actId="20577"/>
          <ac:spMkLst>
            <pc:docMk/>
            <pc:sldMk cId="575484831" sldId="298"/>
            <ac:spMk id="3" creationId="{CBA24669-1281-4E40-A3E3-6AF90E7358B3}"/>
          </ac:spMkLst>
        </pc:spChg>
        <pc:spChg chg="add mod">
          <ac:chgData name="Steve Grigg" userId="8751aa99-eeaf-485f-89a4-df3fadfd694e" providerId="ADAL" clId="{E57958DB-AF7D-4955-A7B8-9241B566D877}" dt="2021-06-06T23:34:23.206" v="745" actId="12"/>
          <ac:spMkLst>
            <pc:docMk/>
            <pc:sldMk cId="575484831" sldId="298"/>
            <ac:spMk id="4" creationId="{8CDC126B-9A77-4139-BC9E-34A178504714}"/>
          </ac:spMkLst>
        </pc:spChg>
        <pc:picChg chg="add mod">
          <ac:chgData name="Steve Grigg" userId="8751aa99-eeaf-485f-89a4-df3fadfd694e" providerId="ADAL" clId="{E57958DB-AF7D-4955-A7B8-9241B566D877}" dt="2021-06-06T23:34:18.329" v="742" actId="1076"/>
          <ac:picMkLst>
            <pc:docMk/>
            <pc:sldMk cId="575484831" sldId="298"/>
            <ac:picMk id="1026" creationId="{ED45834D-12BF-46F2-B902-9FA1CAE1633B}"/>
          </ac:picMkLst>
        </pc:picChg>
      </pc:sldChg>
      <pc:sldChg chg="addSp modSp new mod ord modNotesTx">
        <pc:chgData name="Steve Grigg" userId="8751aa99-eeaf-485f-89a4-df3fadfd694e" providerId="ADAL" clId="{E57958DB-AF7D-4955-A7B8-9241B566D877}" dt="2021-06-07T00:08:18.583" v="1923" actId="20577"/>
        <pc:sldMkLst>
          <pc:docMk/>
          <pc:sldMk cId="71045829" sldId="299"/>
        </pc:sldMkLst>
        <pc:spChg chg="mod">
          <ac:chgData name="Steve Grigg" userId="8751aa99-eeaf-485f-89a4-df3fadfd694e" providerId="ADAL" clId="{E57958DB-AF7D-4955-A7B8-9241B566D877}" dt="2021-06-06T23:42:02.649" v="1610" actId="20577"/>
          <ac:spMkLst>
            <pc:docMk/>
            <pc:sldMk cId="71045829" sldId="299"/>
            <ac:spMk id="2" creationId="{05B90ABF-B09C-4C4D-844A-112C2C2D991D}"/>
          </ac:spMkLst>
        </pc:spChg>
        <pc:spChg chg="mod">
          <ac:chgData name="Steve Grigg" userId="8751aa99-eeaf-485f-89a4-df3fadfd694e" providerId="ADAL" clId="{E57958DB-AF7D-4955-A7B8-9241B566D877}" dt="2021-06-07T00:08:18.583" v="1923" actId="20577"/>
          <ac:spMkLst>
            <pc:docMk/>
            <pc:sldMk cId="71045829" sldId="299"/>
            <ac:spMk id="3" creationId="{D78FA1DF-6EA6-4D5B-B637-066CB515E8E0}"/>
          </ac:spMkLst>
        </pc:spChg>
        <pc:spChg chg="add mod">
          <ac:chgData name="Steve Grigg" userId="8751aa99-eeaf-485f-89a4-df3fadfd694e" providerId="ADAL" clId="{E57958DB-AF7D-4955-A7B8-9241B566D877}" dt="2021-06-07T00:08:13.694" v="1916" actId="1076"/>
          <ac:spMkLst>
            <pc:docMk/>
            <pc:sldMk cId="71045829" sldId="299"/>
            <ac:spMk id="4" creationId="{6397BD25-9ABE-48C1-BE6C-0DB86B7D0489}"/>
          </ac:spMkLst>
        </pc:spChg>
        <pc:spChg chg="add mod">
          <ac:chgData name="Steve Grigg" userId="8751aa99-eeaf-485f-89a4-df3fadfd694e" providerId="ADAL" clId="{E57958DB-AF7D-4955-A7B8-9241B566D877}" dt="2021-06-07T00:08:13.694" v="1916" actId="1076"/>
          <ac:spMkLst>
            <pc:docMk/>
            <pc:sldMk cId="71045829" sldId="299"/>
            <ac:spMk id="5" creationId="{3A572673-3FF2-44DA-B107-D29954285805}"/>
          </ac:spMkLst>
        </pc:spChg>
        <pc:spChg chg="add mod">
          <ac:chgData name="Steve Grigg" userId="8751aa99-eeaf-485f-89a4-df3fadfd694e" providerId="ADAL" clId="{E57958DB-AF7D-4955-A7B8-9241B566D877}" dt="2021-06-07T00:08:13.694" v="1916" actId="1076"/>
          <ac:spMkLst>
            <pc:docMk/>
            <pc:sldMk cId="71045829" sldId="299"/>
            <ac:spMk id="6" creationId="{B6EEC2B1-DAC9-4EC9-908A-C7472AA80235}"/>
          </ac:spMkLst>
        </pc:spChg>
        <pc:spChg chg="add mod">
          <ac:chgData name="Steve Grigg" userId="8751aa99-eeaf-485f-89a4-df3fadfd694e" providerId="ADAL" clId="{E57958DB-AF7D-4955-A7B8-9241B566D877}" dt="2021-06-07T00:08:04.677" v="1914" actId="1076"/>
          <ac:spMkLst>
            <pc:docMk/>
            <pc:sldMk cId="71045829" sldId="299"/>
            <ac:spMk id="9" creationId="{27EFEA94-1D14-469E-8850-A32B92A6E560}"/>
          </ac:spMkLst>
        </pc:spChg>
        <pc:picChg chg="add mod">
          <ac:chgData name="Steve Grigg" userId="8751aa99-eeaf-485f-89a4-df3fadfd694e" providerId="ADAL" clId="{E57958DB-AF7D-4955-A7B8-9241B566D877}" dt="2021-06-07T00:08:04.677" v="1914" actId="1076"/>
          <ac:picMkLst>
            <pc:docMk/>
            <pc:sldMk cId="71045829" sldId="299"/>
            <ac:picMk id="7" creationId="{32930906-3187-4B0C-84DE-46F66F1DD502}"/>
          </ac:picMkLst>
        </pc:picChg>
        <pc:picChg chg="add mod">
          <ac:chgData name="Steve Grigg" userId="8751aa99-eeaf-485f-89a4-df3fadfd694e" providerId="ADAL" clId="{E57958DB-AF7D-4955-A7B8-9241B566D877}" dt="2021-06-07T00:08:07.032" v="1915" actId="1076"/>
          <ac:picMkLst>
            <pc:docMk/>
            <pc:sldMk cId="71045829" sldId="299"/>
            <ac:picMk id="8" creationId="{578B807D-F917-4D2B-8F8D-2C4A8193A87D}"/>
          </ac:picMkLst>
        </pc:picChg>
      </pc:sldChg>
    </pc:docChg>
  </pc:docChgLst>
  <pc:docChgLst>
    <pc:chgData name="Ronald Tong" userId="26f78301-a32f-460f-a787-6ee5fd2eb1b5" providerId="ADAL" clId="{5572C0E5-8F05-40D8-BE8F-31D9E8373E1F}"/>
    <pc:docChg chg="modSld">
      <pc:chgData name="Ronald Tong" userId="26f78301-a32f-460f-a787-6ee5fd2eb1b5" providerId="ADAL" clId="{5572C0E5-8F05-40D8-BE8F-31D9E8373E1F}" dt="2021-05-14T01:07:00.326" v="8" actId="20577"/>
      <pc:docMkLst>
        <pc:docMk/>
      </pc:docMkLst>
      <pc:sldChg chg="modSp mod">
        <pc:chgData name="Ronald Tong" userId="26f78301-a32f-460f-a787-6ee5fd2eb1b5" providerId="ADAL" clId="{5572C0E5-8F05-40D8-BE8F-31D9E8373E1F}" dt="2021-05-14T01:07:00.326" v="8" actId="20577"/>
        <pc:sldMkLst>
          <pc:docMk/>
          <pc:sldMk cId="1839851465" sldId="280"/>
        </pc:sldMkLst>
        <pc:spChg chg="mod">
          <ac:chgData name="Ronald Tong" userId="26f78301-a32f-460f-a787-6ee5fd2eb1b5" providerId="ADAL" clId="{5572C0E5-8F05-40D8-BE8F-31D9E8373E1F}" dt="2021-05-14T01:07:00.326" v="8" actId="20577"/>
          <ac:spMkLst>
            <pc:docMk/>
            <pc:sldMk cId="1839851465" sldId="280"/>
            <ac:spMk id="4" creationId="{CA26C321-B3BA-4A8F-AC40-3ECB05B893C0}"/>
          </ac:spMkLst>
        </pc:spChg>
      </pc:sldChg>
    </pc:docChg>
  </pc:docChgLst>
  <pc:docChgLst>
    <pc:chgData name="Maria Mingallon" userId="965489d9-062d-42ac-be4d-2d4e8cc5be91" providerId="ADAL" clId="{9ED82598-EC7E-4B8C-8853-A2C6EF56D680}"/>
    <pc:docChg chg="custSel modSld">
      <pc:chgData name="Maria Mingallon" userId="965489d9-062d-42ac-be4d-2d4e8cc5be91" providerId="ADAL" clId="{9ED82598-EC7E-4B8C-8853-A2C6EF56D680}" dt="2021-05-23T23:04:37.018" v="53"/>
      <pc:docMkLst>
        <pc:docMk/>
      </pc:docMkLst>
      <pc:sldChg chg="addCm modCm">
        <pc:chgData name="Maria Mingallon" userId="965489d9-062d-42ac-be4d-2d4e8cc5be91" providerId="ADAL" clId="{9ED82598-EC7E-4B8C-8853-A2C6EF56D680}" dt="2021-05-23T23:04:37.018" v="53"/>
        <pc:sldMkLst>
          <pc:docMk/>
          <pc:sldMk cId="1648828998" sldId="282"/>
        </pc:sldMkLst>
      </pc:sldChg>
      <pc:sldChg chg="modSp mod addCm modCm">
        <pc:chgData name="Maria Mingallon" userId="965489d9-062d-42ac-be4d-2d4e8cc5be91" providerId="ADAL" clId="{9ED82598-EC7E-4B8C-8853-A2C6EF56D680}" dt="2021-05-23T22:38:25.837" v="50"/>
        <pc:sldMkLst>
          <pc:docMk/>
          <pc:sldMk cId="2085408971" sldId="286"/>
        </pc:sldMkLst>
        <pc:spChg chg="mod">
          <ac:chgData name="Maria Mingallon" userId="965489d9-062d-42ac-be4d-2d4e8cc5be91" providerId="ADAL" clId="{9ED82598-EC7E-4B8C-8853-A2C6EF56D680}" dt="2021-05-23T22:36:21.553" v="47" actId="20577"/>
          <ac:spMkLst>
            <pc:docMk/>
            <pc:sldMk cId="2085408971" sldId="286"/>
            <ac:spMk id="7" creationId="{2E192B8A-372C-4D0A-B427-94657CDDBBEC}"/>
          </ac:spMkLst>
        </pc:spChg>
      </pc:sldChg>
    </pc:docChg>
  </pc:docChgLst>
  <pc:docChgLst>
    <pc:chgData name="Steve Grigg" userId="S::steve.grigg@mottmac.com::8751aa99-eeaf-485f-89a4-df3fadfd694e" providerId="AD" clId="Web-{3D714A58-69B0-1DD8-16ED-703F260A20B4}"/>
    <pc:docChg chg="modSld">
      <pc:chgData name="Steve Grigg" userId="S::steve.grigg@mottmac.com::8751aa99-eeaf-485f-89a4-df3fadfd694e" providerId="AD" clId="Web-{3D714A58-69B0-1DD8-16ED-703F260A20B4}" dt="2021-05-12T04:01:35.496" v="8" actId="20577"/>
      <pc:docMkLst>
        <pc:docMk/>
      </pc:docMkLst>
      <pc:sldChg chg="addSp delSp modSp">
        <pc:chgData name="Steve Grigg" userId="S::steve.grigg@mottmac.com::8751aa99-eeaf-485f-89a4-df3fadfd694e" providerId="AD" clId="Web-{3D714A58-69B0-1DD8-16ED-703F260A20B4}" dt="2021-05-12T03:56:07.626" v="4"/>
        <pc:sldMkLst>
          <pc:docMk/>
          <pc:sldMk cId="2659065634" sldId="267"/>
        </pc:sldMkLst>
        <pc:spChg chg="add del mod">
          <ac:chgData name="Steve Grigg" userId="S::steve.grigg@mottmac.com::8751aa99-eeaf-485f-89a4-df3fadfd694e" providerId="AD" clId="Web-{3D714A58-69B0-1DD8-16ED-703F260A20B4}" dt="2021-05-12T03:56:07.626" v="4"/>
          <ac:spMkLst>
            <pc:docMk/>
            <pc:sldMk cId="2659065634" sldId="267"/>
            <ac:spMk id="3" creationId="{5E1C5BDC-6092-4647-BE18-B94C579A6F72}"/>
          </ac:spMkLst>
        </pc:spChg>
        <pc:spChg chg="del">
          <ac:chgData name="Steve Grigg" userId="S::steve.grigg@mottmac.com::8751aa99-eeaf-485f-89a4-df3fadfd694e" providerId="AD" clId="Web-{3D714A58-69B0-1DD8-16ED-703F260A20B4}" dt="2021-05-12T03:55:58.188" v="2"/>
          <ac:spMkLst>
            <pc:docMk/>
            <pc:sldMk cId="2659065634" sldId="267"/>
            <ac:spMk id="5" creationId="{539EEC9F-8D1F-4F9D-83DE-BD14C8587EBF}"/>
          </ac:spMkLst>
        </pc:spChg>
        <pc:spChg chg="mod">
          <ac:chgData name="Steve Grigg" userId="S::steve.grigg@mottmac.com::8751aa99-eeaf-485f-89a4-df3fadfd694e" providerId="AD" clId="Web-{3D714A58-69B0-1DD8-16ED-703F260A20B4}" dt="2021-05-12T03:56:02.689" v="3" actId="14100"/>
          <ac:spMkLst>
            <pc:docMk/>
            <pc:sldMk cId="2659065634" sldId="267"/>
            <ac:spMk id="6" creationId="{02333093-EDF1-466D-A5C4-E3EAF8F078AF}"/>
          </ac:spMkLst>
        </pc:spChg>
      </pc:sldChg>
      <pc:sldChg chg="modSp">
        <pc:chgData name="Steve Grigg" userId="S::steve.grigg@mottmac.com::8751aa99-eeaf-485f-89a4-df3fadfd694e" providerId="AD" clId="Web-{3D714A58-69B0-1DD8-16ED-703F260A20B4}" dt="2021-05-12T03:56:17.548" v="5" actId="20577"/>
        <pc:sldMkLst>
          <pc:docMk/>
          <pc:sldMk cId="1692353821" sldId="268"/>
        </pc:sldMkLst>
        <pc:spChg chg="mod">
          <ac:chgData name="Steve Grigg" userId="S::steve.grigg@mottmac.com::8751aa99-eeaf-485f-89a4-df3fadfd694e" providerId="AD" clId="Web-{3D714A58-69B0-1DD8-16ED-703F260A20B4}" dt="2021-05-12T03:56:17.548" v="5" actId="20577"/>
          <ac:spMkLst>
            <pc:docMk/>
            <pc:sldMk cId="1692353821" sldId="268"/>
            <ac:spMk id="4" creationId="{6ECADD19-EBC6-442E-BE44-ADAEFCA33D01}"/>
          </ac:spMkLst>
        </pc:spChg>
      </pc:sldChg>
      <pc:sldChg chg="modSp">
        <pc:chgData name="Steve Grigg" userId="S::steve.grigg@mottmac.com::8751aa99-eeaf-485f-89a4-df3fadfd694e" providerId="AD" clId="Web-{3D714A58-69B0-1DD8-16ED-703F260A20B4}" dt="2021-05-12T04:01:35.496" v="8" actId="20577"/>
        <pc:sldMkLst>
          <pc:docMk/>
          <pc:sldMk cId="4244031885" sldId="271"/>
        </pc:sldMkLst>
        <pc:spChg chg="mod">
          <ac:chgData name="Steve Grigg" userId="S::steve.grigg@mottmac.com::8751aa99-eeaf-485f-89a4-df3fadfd694e" providerId="AD" clId="Web-{3D714A58-69B0-1DD8-16ED-703F260A20B4}" dt="2021-05-12T04:01:35.496" v="8" actId="20577"/>
          <ac:spMkLst>
            <pc:docMk/>
            <pc:sldMk cId="4244031885" sldId="271"/>
            <ac:spMk id="5" creationId="{B7D6534A-8252-4959-A59B-386694D6FD93}"/>
          </ac:spMkLst>
        </pc:spChg>
        <pc:spChg chg="mod">
          <ac:chgData name="Steve Grigg" userId="S::steve.grigg@mottmac.com::8751aa99-eeaf-485f-89a4-df3fadfd694e" providerId="AD" clId="Web-{3D714A58-69B0-1DD8-16ED-703F260A20B4}" dt="2021-05-12T03:57:53.081" v="6" actId="20577"/>
          <ac:spMkLst>
            <pc:docMk/>
            <pc:sldMk cId="4244031885" sldId="271"/>
            <ac:spMk id="6" creationId="{FB3774A8-F4F4-410E-988F-22C86F0A9228}"/>
          </ac:spMkLst>
        </pc:spChg>
      </pc:sldChg>
    </pc:docChg>
  </pc:docChgLst>
  <pc:docChgLst>
    <pc:chgData name="Ronald Tong" userId="26f78301-a32f-460f-a787-6ee5fd2eb1b5" providerId="ADAL" clId="{F6C55262-AF9C-4D82-9717-81A18ED08A8D}"/>
    <pc:docChg chg="custSel modSld">
      <pc:chgData name="Ronald Tong" userId="26f78301-a32f-460f-a787-6ee5fd2eb1b5" providerId="ADAL" clId="{F6C55262-AF9C-4D82-9717-81A18ED08A8D}" dt="2021-05-20T23:44:27.883" v="493" actId="113"/>
      <pc:docMkLst>
        <pc:docMk/>
      </pc:docMkLst>
      <pc:sldChg chg="modSp mod">
        <pc:chgData name="Ronald Tong" userId="26f78301-a32f-460f-a787-6ee5fd2eb1b5" providerId="ADAL" clId="{F6C55262-AF9C-4D82-9717-81A18ED08A8D}" dt="2021-05-20T23:44:27.883" v="493" actId="113"/>
        <pc:sldMkLst>
          <pc:docMk/>
          <pc:sldMk cId="4244031885" sldId="271"/>
        </pc:sldMkLst>
        <pc:spChg chg="mod">
          <ac:chgData name="Ronald Tong" userId="26f78301-a32f-460f-a787-6ee5fd2eb1b5" providerId="ADAL" clId="{F6C55262-AF9C-4D82-9717-81A18ED08A8D}" dt="2021-05-20T23:44:27.883" v="493" actId="113"/>
          <ac:spMkLst>
            <pc:docMk/>
            <pc:sldMk cId="4244031885" sldId="271"/>
            <ac:spMk id="2" creationId="{F67F0DCC-28E5-4372-AC62-1C9FBA8F769C}"/>
          </ac:spMkLst>
        </pc:spChg>
      </pc:sldChg>
      <pc:sldChg chg="modSp mod">
        <pc:chgData name="Ronald Tong" userId="26f78301-a32f-460f-a787-6ee5fd2eb1b5" providerId="ADAL" clId="{F6C55262-AF9C-4D82-9717-81A18ED08A8D}" dt="2021-05-20T23:42:36.766" v="492" actId="6549"/>
        <pc:sldMkLst>
          <pc:docMk/>
          <pc:sldMk cId="1648828998" sldId="282"/>
        </pc:sldMkLst>
        <pc:graphicFrameChg chg="modGraphic">
          <ac:chgData name="Ronald Tong" userId="26f78301-a32f-460f-a787-6ee5fd2eb1b5" providerId="ADAL" clId="{F6C55262-AF9C-4D82-9717-81A18ED08A8D}" dt="2021-05-20T23:42:36.766" v="492" actId="6549"/>
          <ac:graphicFrameMkLst>
            <pc:docMk/>
            <pc:sldMk cId="1648828998" sldId="282"/>
            <ac:graphicFrameMk id="3" creationId="{7B763387-BA1A-4C12-BCFC-F74576E04328}"/>
          </ac:graphicFrameMkLst>
        </pc:graphicFrameChg>
      </pc:sldChg>
      <pc:sldChg chg="modSp mod">
        <pc:chgData name="Ronald Tong" userId="26f78301-a32f-460f-a787-6ee5fd2eb1b5" providerId="ADAL" clId="{F6C55262-AF9C-4D82-9717-81A18ED08A8D}" dt="2021-05-20T23:34:37.441" v="140" actId="20577"/>
        <pc:sldMkLst>
          <pc:docMk/>
          <pc:sldMk cId="1745406771" sldId="284"/>
        </pc:sldMkLst>
        <pc:spChg chg="mod">
          <ac:chgData name="Ronald Tong" userId="26f78301-a32f-460f-a787-6ee5fd2eb1b5" providerId="ADAL" clId="{F6C55262-AF9C-4D82-9717-81A18ED08A8D}" dt="2021-05-20T23:33:44.923" v="100" actId="1035"/>
          <ac:spMkLst>
            <pc:docMk/>
            <pc:sldMk cId="1745406771" sldId="284"/>
            <ac:spMk id="5" creationId="{501F9AA8-5911-4722-B3F2-0DE6FF3231B2}"/>
          </ac:spMkLst>
        </pc:spChg>
        <pc:spChg chg="mod">
          <ac:chgData name="Ronald Tong" userId="26f78301-a32f-460f-a787-6ee5fd2eb1b5" providerId="ADAL" clId="{F6C55262-AF9C-4D82-9717-81A18ED08A8D}" dt="2021-05-20T23:33:22.969" v="80" actId="20577"/>
          <ac:spMkLst>
            <pc:docMk/>
            <pc:sldMk cId="1745406771" sldId="284"/>
            <ac:spMk id="8" creationId="{0324CC8D-80FB-4F3F-AEB5-1481743BFB73}"/>
          </ac:spMkLst>
        </pc:spChg>
        <pc:spChg chg="mod">
          <ac:chgData name="Ronald Tong" userId="26f78301-a32f-460f-a787-6ee5fd2eb1b5" providerId="ADAL" clId="{F6C55262-AF9C-4D82-9717-81A18ED08A8D}" dt="2021-05-20T23:33:44.923" v="100" actId="1035"/>
          <ac:spMkLst>
            <pc:docMk/>
            <pc:sldMk cId="1745406771" sldId="284"/>
            <ac:spMk id="9" creationId="{8374CCA8-EB96-4A5A-A360-A2A7F5C1A4CC}"/>
          </ac:spMkLst>
        </pc:spChg>
        <pc:spChg chg="mod">
          <ac:chgData name="Ronald Tong" userId="26f78301-a32f-460f-a787-6ee5fd2eb1b5" providerId="ADAL" clId="{F6C55262-AF9C-4D82-9717-81A18ED08A8D}" dt="2021-05-20T23:33:44.923" v="100" actId="1035"/>
          <ac:spMkLst>
            <pc:docMk/>
            <pc:sldMk cId="1745406771" sldId="284"/>
            <ac:spMk id="21" creationId="{9B421BD8-7137-4285-8F1F-E1F771DE6598}"/>
          </ac:spMkLst>
        </pc:spChg>
        <pc:spChg chg="mod">
          <ac:chgData name="Ronald Tong" userId="26f78301-a32f-460f-a787-6ee5fd2eb1b5" providerId="ADAL" clId="{F6C55262-AF9C-4D82-9717-81A18ED08A8D}" dt="2021-05-20T23:33:44.923" v="100" actId="1035"/>
          <ac:spMkLst>
            <pc:docMk/>
            <pc:sldMk cId="1745406771" sldId="284"/>
            <ac:spMk id="22" creationId="{EE0C7FD1-1449-41E7-8571-D5FCA022363A}"/>
          </ac:spMkLst>
        </pc:spChg>
        <pc:spChg chg="mod">
          <ac:chgData name="Ronald Tong" userId="26f78301-a32f-460f-a787-6ee5fd2eb1b5" providerId="ADAL" clId="{F6C55262-AF9C-4D82-9717-81A18ED08A8D}" dt="2021-05-20T23:33:44.923" v="100" actId="1035"/>
          <ac:spMkLst>
            <pc:docMk/>
            <pc:sldMk cId="1745406771" sldId="284"/>
            <ac:spMk id="23" creationId="{065AC99D-58CC-4C17-AA76-EBCFADFC6A01}"/>
          </ac:spMkLst>
        </pc:spChg>
        <pc:spChg chg="mod">
          <ac:chgData name="Ronald Tong" userId="26f78301-a32f-460f-a787-6ee5fd2eb1b5" providerId="ADAL" clId="{F6C55262-AF9C-4D82-9717-81A18ED08A8D}" dt="2021-05-20T23:34:37.441" v="140" actId="20577"/>
          <ac:spMkLst>
            <pc:docMk/>
            <pc:sldMk cId="1745406771" sldId="284"/>
            <ac:spMk id="24" creationId="{EE7C6901-4E97-4267-A789-DB73179D717C}"/>
          </ac:spMkLst>
        </pc:spChg>
        <pc:spChg chg="mod">
          <ac:chgData name="Ronald Tong" userId="26f78301-a32f-460f-a787-6ee5fd2eb1b5" providerId="ADAL" clId="{F6C55262-AF9C-4D82-9717-81A18ED08A8D}" dt="2021-05-20T23:33:44.923" v="100" actId="1035"/>
          <ac:spMkLst>
            <pc:docMk/>
            <pc:sldMk cId="1745406771" sldId="284"/>
            <ac:spMk id="26" creationId="{D907E1DD-2E32-4367-947F-FA5A934956EA}"/>
          </ac:spMkLst>
        </pc:spChg>
        <pc:spChg chg="mod">
          <ac:chgData name="Ronald Tong" userId="26f78301-a32f-460f-a787-6ee5fd2eb1b5" providerId="ADAL" clId="{F6C55262-AF9C-4D82-9717-81A18ED08A8D}" dt="2021-05-20T23:33:44.923" v="100" actId="1035"/>
          <ac:spMkLst>
            <pc:docMk/>
            <pc:sldMk cId="1745406771" sldId="284"/>
            <ac:spMk id="27" creationId="{232351C3-B276-4C50-889A-6E27224013BB}"/>
          </ac:spMkLst>
        </pc:spChg>
        <pc:spChg chg="mod">
          <ac:chgData name="Ronald Tong" userId="26f78301-a32f-460f-a787-6ee5fd2eb1b5" providerId="ADAL" clId="{F6C55262-AF9C-4D82-9717-81A18ED08A8D}" dt="2021-05-20T23:33:44.923" v="100" actId="1035"/>
          <ac:spMkLst>
            <pc:docMk/>
            <pc:sldMk cId="1745406771" sldId="284"/>
            <ac:spMk id="28" creationId="{359570FB-E1D0-4B41-8F5C-ACDF397141A0}"/>
          </ac:spMkLst>
        </pc:spChg>
        <pc:spChg chg="mod">
          <ac:chgData name="Ronald Tong" userId="26f78301-a32f-460f-a787-6ee5fd2eb1b5" providerId="ADAL" clId="{F6C55262-AF9C-4D82-9717-81A18ED08A8D}" dt="2021-05-20T23:33:44.923" v="100" actId="1035"/>
          <ac:spMkLst>
            <pc:docMk/>
            <pc:sldMk cId="1745406771" sldId="284"/>
            <ac:spMk id="29" creationId="{9C027DB0-2F13-4367-857A-7C4E9D84422A}"/>
          </ac:spMkLst>
        </pc:spChg>
        <pc:spChg chg="mod">
          <ac:chgData name="Ronald Tong" userId="26f78301-a32f-460f-a787-6ee5fd2eb1b5" providerId="ADAL" clId="{F6C55262-AF9C-4D82-9717-81A18ED08A8D}" dt="2021-05-20T23:33:44.923" v="100" actId="1035"/>
          <ac:spMkLst>
            <pc:docMk/>
            <pc:sldMk cId="1745406771" sldId="284"/>
            <ac:spMk id="30" creationId="{2609D066-0CAC-43FE-B695-FEC551D56DC4}"/>
          </ac:spMkLst>
        </pc:spChg>
        <pc:spChg chg="mod">
          <ac:chgData name="Ronald Tong" userId="26f78301-a32f-460f-a787-6ee5fd2eb1b5" providerId="ADAL" clId="{F6C55262-AF9C-4D82-9717-81A18ED08A8D}" dt="2021-05-20T23:33:44.923" v="100" actId="1035"/>
          <ac:spMkLst>
            <pc:docMk/>
            <pc:sldMk cId="1745406771" sldId="284"/>
            <ac:spMk id="31" creationId="{19A3EA87-5498-4EE8-BF6D-434211C90661}"/>
          </ac:spMkLst>
        </pc:spChg>
        <pc:spChg chg="mod">
          <ac:chgData name="Ronald Tong" userId="26f78301-a32f-460f-a787-6ee5fd2eb1b5" providerId="ADAL" clId="{F6C55262-AF9C-4D82-9717-81A18ED08A8D}" dt="2021-05-20T23:33:44.923" v="100" actId="1035"/>
          <ac:spMkLst>
            <pc:docMk/>
            <pc:sldMk cId="1745406771" sldId="284"/>
            <ac:spMk id="32" creationId="{15E95178-FD33-414E-BE5C-E8989C724D9F}"/>
          </ac:spMkLst>
        </pc:spChg>
        <pc:spChg chg="mod">
          <ac:chgData name="Ronald Tong" userId="26f78301-a32f-460f-a787-6ee5fd2eb1b5" providerId="ADAL" clId="{F6C55262-AF9C-4D82-9717-81A18ED08A8D}" dt="2021-05-20T23:33:49.548" v="116" actId="1035"/>
          <ac:spMkLst>
            <pc:docMk/>
            <pc:sldMk cId="1745406771" sldId="284"/>
            <ac:spMk id="33" creationId="{813204E0-38C3-46D9-8D5F-2F5D67F9818B}"/>
          </ac:spMkLst>
        </pc:spChg>
        <pc:spChg chg="mod">
          <ac:chgData name="Ronald Tong" userId="26f78301-a32f-460f-a787-6ee5fd2eb1b5" providerId="ADAL" clId="{F6C55262-AF9C-4D82-9717-81A18ED08A8D}" dt="2021-05-20T23:33:49.548" v="116" actId="1035"/>
          <ac:spMkLst>
            <pc:docMk/>
            <pc:sldMk cId="1745406771" sldId="284"/>
            <ac:spMk id="34" creationId="{AEAC1B59-5A70-42ED-941D-8CD5976D106D}"/>
          </ac:spMkLst>
        </pc:spChg>
      </pc:sldChg>
    </pc:docChg>
  </pc:docChgLst>
  <pc:docChgLst>
    <pc:chgData name="Steve Grigg" userId="8751aa99-eeaf-485f-89a4-df3fadfd694e" providerId="ADAL" clId="{D0B4B07A-E52D-4949-AD90-D2D6F5E2899B}"/>
    <pc:docChg chg="undo custSel addSld delSld modSld sldOrd">
      <pc:chgData name="Steve Grigg" userId="8751aa99-eeaf-485f-89a4-df3fadfd694e" providerId="ADAL" clId="{D0B4B07A-E52D-4949-AD90-D2D6F5E2899B}" dt="2021-06-03T05:43:15.117" v="5288" actId="478"/>
      <pc:docMkLst>
        <pc:docMk/>
      </pc:docMkLst>
      <pc:sldChg chg="addSp delSp modSp add mod modTransition delAnim modAnim">
        <pc:chgData name="Steve Grigg" userId="8751aa99-eeaf-485f-89a4-df3fadfd694e" providerId="ADAL" clId="{D0B4B07A-E52D-4949-AD90-D2D6F5E2899B}" dt="2021-06-03T00:51:23.426" v="3901"/>
        <pc:sldMkLst>
          <pc:docMk/>
          <pc:sldMk cId="4205247585" sldId="256"/>
        </pc:sldMkLst>
        <pc:spChg chg="add del mod">
          <ac:chgData name="Steve Grigg" userId="8751aa99-eeaf-485f-89a4-df3fadfd694e" providerId="ADAL" clId="{D0B4B07A-E52D-4949-AD90-D2D6F5E2899B}" dt="2021-06-03T00:07:42.912" v="257" actId="478"/>
          <ac:spMkLst>
            <pc:docMk/>
            <pc:sldMk cId="4205247585" sldId="256"/>
            <ac:spMk id="2" creationId="{4B2FBB4A-C59F-4B64-A4C4-8C60F3F60852}"/>
          </ac:spMkLst>
        </pc:spChg>
        <pc:spChg chg="add del mod">
          <ac:chgData name="Steve Grigg" userId="8751aa99-eeaf-485f-89a4-df3fadfd694e" providerId="ADAL" clId="{D0B4B07A-E52D-4949-AD90-D2D6F5E2899B}" dt="2021-06-03T00:07:44.468" v="258" actId="478"/>
          <ac:spMkLst>
            <pc:docMk/>
            <pc:sldMk cId="4205247585" sldId="256"/>
            <ac:spMk id="3" creationId="{47BBB2A8-01B1-4F9A-B8C9-D1982B87D9F0}"/>
          </ac:spMkLst>
        </pc:spChg>
        <pc:spChg chg="add del mod">
          <ac:chgData name="Steve Grigg" userId="8751aa99-eeaf-485f-89a4-df3fadfd694e" providerId="ADAL" clId="{D0B4B07A-E52D-4949-AD90-D2D6F5E2899B}" dt="2021-06-03T00:07:53.067" v="260" actId="478"/>
          <ac:spMkLst>
            <pc:docMk/>
            <pc:sldMk cId="4205247585" sldId="256"/>
            <ac:spMk id="11" creationId="{51B4FFC6-34B7-4DB8-AAB2-F912E255EEEF}"/>
          </ac:spMkLst>
        </pc:spChg>
        <pc:spChg chg="add del mod">
          <ac:chgData name="Steve Grigg" userId="8751aa99-eeaf-485f-89a4-df3fadfd694e" providerId="ADAL" clId="{D0B4B07A-E52D-4949-AD90-D2D6F5E2899B}" dt="2021-06-03T00:07:56.031" v="261" actId="478"/>
          <ac:spMkLst>
            <pc:docMk/>
            <pc:sldMk cId="4205247585" sldId="256"/>
            <ac:spMk id="12" creationId="{A12B5478-E79E-4767-9802-8084284D3730}"/>
          </ac:spMkLst>
        </pc:spChg>
        <pc:spChg chg="add mod">
          <ac:chgData name="Steve Grigg" userId="8751aa99-eeaf-485f-89a4-df3fadfd694e" providerId="ADAL" clId="{D0B4B07A-E52D-4949-AD90-D2D6F5E2899B}" dt="2021-06-03T00:08:03.813" v="265" actId="571"/>
          <ac:spMkLst>
            <pc:docMk/>
            <pc:sldMk cId="4205247585" sldId="256"/>
            <ac:spMk id="15" creationId="{C1A3D781-D85A-4CE7-BFEC-1A87CCE17E2B}"/>
          </ac:spMkLst>
        </pc:spChg>
        <pc:spChg chg="add mod">
          <ac:chgData name="Steve Grigg" userId="8751aa99-eeaf-485f-89a4-df3fadfd694e" providerId="ADAL" clId="{D0B4B07A-E52D-4949-AD90-D2D6F5E2899B}" dt="2021-06-03T00:08:03.813" v="265" actId="571"/>
          <ac:spMkLst>
            <pc:docMk/>
            <pc:sldMk cId="4205247585" sldId="256"/>
            <ac:spMk id="16" creationId="{BF6054AE-EF69-43D8-B566-4E680FAD8739}"/>
          </ac:spMkLst>
        </pc:spChg>
        <pc:spChg chg="mod">
          <ac:chgData name="Steve Grigg" userId="8751aa99-eeaf-485f-89a4-df3fadfd694e" providerId="ADAL" clId="{D0B4B07A-E52D-4949-AD90-D2D6F5E2899B}" dt="2021-06-03T00:04:23.118" v="77"/>
          <ac:spMkLst>
            <pc:docMk/>
            <pc:sldMk cId="4205247585" sldId="256"/>
            <ac:spMk id="18" creationId="{FBBCC6F0-998B-448E-84FC-871CC7CE1B5C}"/>
          </ac:spMkLst>
        </pc:spChg>
        <pc:spChg chg="mod">
          <ac:chgData name="Steve Grigg" userId="8751aa99-eeaf-485f-89a4-df3fadfd694e" providerId="ADAL" clId="{D0B4B07A-E52D-4949-AD90-D2D6F5E2899B}" dt="2021-06-03T00:08:18.910" v="272" actId="14100"/>
          <ac:spMkLst>
            <pc:docMk/>
            <pc:sldMk cId="4205247585" sldId="256"/>
            <ac:spMk id="37" creationId="{7F958F77-1848-D549-B1D5-D11BB9769390}"/>
          </ac:spMkLst>
        </pc:spChg>
        <pc:spChg chg="mod">
          <ac:chgData name="Steve Grigg" userId="8751aa99-eeaf-485f-89a4-df3fadfd694e" providerId="ADAL" clId="{D0B4B07A-E52D-4949-AD90-D2D6F5E2899B}" dt="2021-06-03T00:08:31.927" v="275" actId="1076"/>
          <ac:spMkLst>
            <pc:docMk/>
            <pc:sldMk cId="4205247585" sldId="256"/>
            <ac:spMk id="38" creationId="{645334E2-838B-A14C-AC71-56CB11900BA3}"/>
          </ac:spMkLst>
        </pc:spChg>
        <pc:spChg chg="mod">
          <ac:chgData name="Steve Grigg" userId="8751aa99-eeaf-485f-89a4-df3fadfd694e" providerId="ADAL" clId="{D0B4B07A-E52D-4949-AD90-D2D6F5E2899B}" dt="2021-06-03T00:08:27.486" v="274" actId="1076"/>
          <ac:spMkLst>
            <pc:docMk/>
            <pc:sldMk cId="4205247585" sldId="256"/>
            <ac:spMk id="39" creationId="{5A9F0951-A42E-644C-9F7D-69A81B90E606}"/>
          </ac:spMkLst>
        </pc:spChg>
        <pc:spChg chg="mod">
          <ac:chgData name="Steve Grigg" userId="8751aa99-eeaf-485f-89a4-df3fadfd694e" providerId="ADAL" clId="{D0B4B07A-E52D-4949-AD90-D2D6F5E2899B}" dt="2021-06-03T00:51:15.596" v="3900" actId="14100"/>
          <ac:spMkLst>
            <pc:docMk/>
            <pc:sldMk cId="4205247585" sldId="256"/>
            <ac:spMk id="40" creationId="{315201C7-0A13-AB4B-AB23-288CB48F2F65}"/>
          </ac:spMkLst>
        </pc:spChg>
        <pc:spChg chg="mod">
          <ac:chgData name="Steve Grigg" userId="8751aa99-eeaf-485f-89a4-df3fadfd694e" providerId="ADAL" clId="{D0B4B07A-E52D-4949-AD90-D2D6F5E2899B}" dt="2021-06-03T00:04:23.119" v="79"/>
          <ac:spMkLst>
            <pc:docMk/>
            <pc:sldMk cId="4205247585" sldId="256"/>
            <ac:spMk id="766" creationId="{00000000-0000-0000-0000-000000000000}"/>
          </ac:spMkLst>
        </pc:spChg>
        <pc:spChg chg="mod">
          <ac:chgData name="Steve Grigg" userId="8751aa99-eeaf-485f-89a4-df3fadfd694e" providerId="ADAL" clId="{D0B4B07A-E52D-4949-AD90-D2D6F5E2899B}" dt="2021-06-03T00:08:31.927" v="275" actId="1076"/>
          <ac:spMkLst>
            <pc:docMk/>
            <pc:sldMk cId="4205247585" sldId="256"/>
            <ac:spMk id="767" creationId="{00000000-0000-0000-0000-000000000000}"/>
          </ac:spMkLst>
        </pc:spChg>
        <pc:spChg chg="mod">
          <ac:chgData name="Steve Grigg" userId="8751aa99-eeaf-485f-89a4-df3fadfd694e" providerId="ADAL" clId="{D0B4B07A-E52D-4949-AD90-D2D6F5E2899B}" dt="2021-06-03T00:08:27.486" v="274" actId="1076"/>
          <ac:spMkLst>
            <pc:docMk/>
            <pc:sldMk cId="4205247585" sldId="256"/>
            <ac:spMk id="768" creationId="{00000000-0000-0000-0000-000000000000}"/>
          </ac:spMkLst>
        </pc:spChg>
        <pc:spChg chg="mod">
          <ac:chgData name="Steve Grigg" userId="8751aa99-eeaf-485f-89a4-df3fadfd694e" providerId="ADAL" clId="{D0B4B07A-E52D-4949-AD90-D2D6F5E2899B}" dt="2021-06-03T00:08:23.548" v="273" actId="1076"/>
          <ac:spMkLst>
            <pc:docMk/>
            <pc:sldMk cId="4205247585" sldId="256"/>
            <ac:spMk id="769" creationId="{00000000-0000-0000-0000-000000000000}"/>
          </ac:spMkLst>
        </pc:spChg>
      </pc:sldChg>
      <pc:sldChg chg="modSp mod modNotesTx">
        <pc:chgData name="Steve Grigg" userId="8751aa99-eeaf-485f-89a4-df3fadfd694e" providerId="ADAL" clId="{D0B4B07A-E52D-4949-AD90-D2D6F5E2899B}" dt="2021-06-03T00:51:06.349" v="3893" actId="20577"/>
        <pc:sldMkLst>
          <pc:docMk/>
          <pc:sldMk cId="0" sldId="257"/>
        </pc:sldMkLst>
        <pc:spChg chg="mod">
          <ac:chgData name="Steve Grigg" userId="8751aa99-eeaf-485f-89a4-df3fadfd694e" providerId="ADAL" clId="{D0B4B07A-E52D-4949-AD90-D2D6F5E2899B}" dt="2021-06-03T00:48:53.156" v="3511" actId="113"/>
          <ac:spMkLst>
            <pc:docMk/>
            <pc:sldMk cId="0" sldId="257"/>
            <ac:spMk id="365" creationId="{00000000-0000-0000-0000-000000000000}"/>
          </ac:spMkLst>
        </pc:spChg>
        <pc:picChg chg="mod">
          <ac:chgData name="Steve Grigg" userId="8751aa99-eeaf-485f-89a4-df3fadfd694e" providerId="ADAL" clId="{D0B4B07A-E52D-4949-AD90-D2D6F5E2899B}" dt="2021-06-03T00:03:03.916" v="28" actId="1076"/>
          <ac:picMkLst>
            <pc:docMk/>
            <pc:sldMk cId="0" sldId="257"/>
            <ac:picMk id="6" creationId="{DC62CF9F-54A2-4094-825A-C4E0BAC465EC}"/>
          </ac:picMkLst>
        </pc:picChg>
      </pc:sldChg>
      <pc:sldChg chg="modNotesTx">
        <pc:chgData name="Steve Grigg" userId="8751aa99-eeaf-485f-89a4-df3fadfd694e" providerId="ADAL" clId="{D0B4B07A-E52D-4949-AD90-D2D6F5E2899B}" dt="2021-06-03T00:54:52.308" v="4438" actId="20577"/>
        <pc:sldMkLst>
          <pc:docMk/>
          <pc:sldMk cId="2659065634" sldId="267"/>
        </pc:sldMkLst>
      </pc:sldChg>
      <pc:sldChg chg="addSp modSp mod ord modNotesTx">
        <pc:chgData name="Steve Grigg" userId="8751aa99-eeaf-485f-89a4-df3fadfd694e" providerId="ADAL" clId="{D0B4B07A-E52D-4949-AD90-D2D6F5E2899B}" dt="2021-06-03T00:44:24.221" v="3262" actId="20577"/>
        <pc:sldMkLst>
          <pc:docMk/>
          <pc:sldMk cId="1386757504" sldId="270"/>
        </pc:sldMkLst>
        <pc:spChg chg="mod">
          <ac:chgData name="Steve Grigg" userId="8751aa99-eeaf-485f-89a4-df3fadfd694e" providerId="ADAL" clId="{D0B4B07A-E52D-4949-AD90-D2D6F5E2899B}" dt="2021-06-03T00:42:13.274" v="3227"/>
          <ac:spMkLst>
            <pc:docMk/>
            <pc:sldMk cId="1386757504" sldId="270"/>
            <ac:spMk id="2" creationId="{C3CB5598-A2EE-48EB-8307-D07FA80E7C22}"/>
          </ac:spMkLst>
        </pc:spChg>
        <pc:spChg chg="add mod">
          <ac:chgData name="Steve Grigg" userId="8751aa99-eeaf-485f-89a4-df3fadfd694e" providerId="ADAL" clId="{D0B4B07A-E52D-4949-AD90-D2D6F5E2899B}" dt="2021-06-03T00:42:16.793" v="3228" actId="404"/>
          <ac:spMkLst>
            <pc:docMk/>
            <pc:sldMk cId="1386757504" sldId="270"/>
            <ac:spMk id="13" creationId="{EC97011A-1A40-4848-A009-1D58F84B6511}"/>
          </ac:spMkLst>
        </pc:spChg>
      </pc:sldChg>
      <pc:sldChg chg="del ord">
        <pc:chgData name="Steve Grigg" userId="8751aa99-eeaf-485f-89a4-df3fadfd694e" providerId="ADAL" clId="{D0B4B07A-E52D-4949-AD90-D2D6F5E2899B}" dt="2021-06-03T00:27:01.378" v="1728" actId="47"/>
        <pc:sldMkLst>
          <pc:docMk/>
          <pc:sldMk cId="1648828998" sldId="282"/>
        </pc:sldMkLst>
      </pc:sldChg>
      <pc:sldChg chg="modTransition">
        <pc:chgData name="Steve Grigg" userId="8751aa99-eeaf-485f-89a4-df3fadfd694e" providerId="ADAL" clId="{D0B4B07A-E52D-4949-AD90-D2D6F5E2899B}" dt="2021-06-03T00:46:17.909" v="3508"/>
        <pc:sldMkLst>
          <pc:docMk/>
          <pc:sldMk cId="2085408971" sldId="286"/>
        </pc:sldMkLst>
      </pc:sldChg>
      <pc:sldChg chg="new del">
        <pc:chgData name="Steve Grigg" userId="8751aa99-eeaf-485f-89a4-df3fadfd694e" providerId="ADAL" clId="{D0B4B07A-E52D-4949-AD90-D2D6F5E2899B}" dt="2021-06-03T00:06:56.237" v="253" actId="2696"/>
        <pc:sldMkLst>
          <pc:docMk/>
          <pc:sldMk cId="2935575503" sldId="287"/>
        </pc:sldMkLst>
      </pc:sldChg>
      <pc:sldChg chg="addSp delSp modSp new mod modNotesTx">
        <pc:chgData name="Steve Grigg" userId="8751aa99-eeaf-485f-89a4-df3fadfd694e" providerId="ADAL" clId="{D0B4B07A-E52D-4949-AD90-D2D6F5E2899B}" dt="2021-06-03T00:55:39.129" v="4534" actId="20577"/>
        <pc:sldMkLst>
          <pc:docMk/>
          <pc:sldMk cId="3030622168" sldId="287"/>
        </pc:sldMkLst>
        <pc:spChg chg="mod">
          <ac:chgData name="Steve Grigg" userId="8751aa99-eeaf-485f-89a4-df3fadfd694e" providerId="ADAL" clId="{D0B4B07A-E52D-4949-AD90-D2D6F5E2899B}" dt="2021-06-03T00:08:52.921" v="306" actId="313"/>
          <ac:spMkLst>
            <pc:docMk/>
            <pc:sldMk cId="3030622168" sldId="287"/>
            <ac:spMk id="2" creationId="{1258DD74-1848-4D53-BB09-631863C606A3}"/>
          </ac:spMkLst>
        </pc:spChg>
        <pc:spChg chg="del">
          <ac:chgData name="Steve Grigg" userId="8751aa99-eeaf-485f-89a4-df3fadfd694e" providerId="ADAL" clId="{D0B4B07A-E52D-4949-AD90-D2D6F5E2899B}" dt="2021-06-03T00:14:34.906" v="658" actId="478"/>
          <ac:spMkLst>
            <pc:docMk/>
            <pc:sldMk cId="3030622168" sldId="287"/>
            <ac:spMk id="3" creationId="{F1BBF49E-EC3F-470C-AEA5-149FAD12D583}"/>
          </ac:spMkLst>
        </pc:spChg>
        <pc:spChg chg="add mod">
          <ac:chgData name="Steve Grigg" userId="8751aa99-eeaf-485f-89a4-df3fadfd694e" providerId="ADAL" clId="{D0B4B07A-E52D-4949-AD90-D2D6F5E2899B}" dt="2021-06-03T00:55:10.098" v="4439" actId="207"/>
          <ac:spMkLst>
            <pc:docMk/>
            <pc:sldMk cId="3030622168" sldId="287"/>
            <ac:spMk id="4" creationId="{3F00341E-5B8A-4CE6-BB3A-4E692B5411F3}"/>
          </ac:spMkLst>
        </pc:spChg>
        <pc:spChg chg="add mod">
          <ac:chgData name="Steve Grigg" userId="8751aa99-eeaf-485f-89a4-df3fadfd694e" providerId="ADAL" clId="{D0B4B07A-E52D-4949-AD90-D2D6F5E2899B}" dt="2021-06-03T00:12:51.070" v="622" actId="207"/>
          <ac:spMkLst>
            <pc:docMk/>
            <pc:sldMk cId="3030622168" sldId="287"/>
            <ac:spMk id="5" creationId="{AAE22AEF-6CB7-4CC0-83BD-2BA77667CCCE}"/>
          </ac:spMkLst>
        </pc:spChg>
        <pc:spChg chg="add mod">
          <ac:chgData name="Steve Grigg" userId="8751aa99-eeaf-485f-89a4-df3fadfd694e" providerId="ADAL" clId="{D0B4B07A-E52D-4949-AD90-D2D6F5E2899B}" dt="2021-06-03T00:13:40.481" v="636" actId="14100"/>
          <ac:spMkLst>
            <pc:docMk/>
            <pc:sldMk cId="3030622168" sldId="287"/>
            <ac:spMk id="6" creationId="{D7EBB06D-2B9B-4DFC-997E-ADCD12FCFC70}"/>
          </ac:spMkLst>
        </pc:spChg>
        <pc:spChg chg="add mod">
          <ac:chgData name="Steve Grigg" userId="8751aa99-eeaf-485f-89a4-df3fadfd694e" providerId="ADAL" clId="{D0B4B07A-E52D-4949-AD90-D2D6F5E2899B}" dt="2021-06-03T00:14:26.167" v="655" actId="1076"/>
          <ac:spMkLst>
            <pc:docMk/>
            <pc:sldMk cId="3030622168" sldId="287"/>
            <ac:spMk id="7" creationId="{13F139F9-D561-404F-A4F2-A1408790A787}"/>
          </ac:spMkLst>
        </pc:spChg>
        <pc:spChg chg="add mod">
          <ac:chgData name="Steve Grigg" userId="8751aa99-eeaf-485f-89a4-df3fadfd694e" providerId="ADAL" clId="{D0B4B07A-E52D-4949-AD90-D2D6F5E2899B}" dt="2021-06-03T00:13:40.481" v="636" actId="14100"/>
          <ac:spMkLst>
            <pc:docMk/>
            <pc:sldMk cId="3030622168" sldId="287"/>
            <ac:spMk id="8" creationId="{A7DFD00C-A7DC-40F3-8D04-CD1D0219EB36}"/>
          </ac:spMkLst>
        </pc:spChg>
        <pc:spChg chg="add mod">
          <ac:chgData name="Steve Grigg" userId="8751aa99-eeaf-485f-89a4-df3fadfd694e" providerId="ADAL" clId="{D0B4B07A-E52D-4949-AD90-D2D6F5E2899B}" dt="2021-06-03T00:14:22.332" v="653" actId="1076"/>
          <ac:spMkLst>
            <pc:docMk/>
            <pc:sldMk cId="3030622168" sldId="287"/>
            <ac:spMk id="9" creationId="{FE982485-B83A-425C-81E9-C4F14E0E3C23}"/>
          </ac:spMkLst>
        </pc:spChg>
        <pc:spChg chg="add mod">
          <ac:chgData name="Steve Grigg" userId="8751aa99-eeaf-485f-89a4-df3fadfd694e" providerId="ADAL" clId="{D0B4B07A-E52D-4949-AD90-D2D6F5E2899B}" dt="2021-06-03T00:14:06.618" v="649" actId="1076"/>
          <ac:spMkLst>
            <pc:docMk/>
            <pc:sldMk cId="3030622168" sldId="287"/>
            <ac:spMk id="10" creationId="{F7A2E643-58A0-4C30-9734-AA77E2FE2E8A}"/>
          </ac:spMkLst>
        </pc:spChg>
        <pc:spChg chg="add mod">
          <ac:chgData name="Steve Grigg" userId="8751aa99-eeaf-485f-89a4-df3fadfd694e" providerId="ADAL" clId="{D0B4B07A-E52D-4949-AD90-D2D6F5E2899B}" dt="2021-06-03T00:13:40.481" v="636" actId="14100"/>
          <ac:spMkLst>
            <pc:docMk/>
            <pc:sldMk cId="3030622168" sldId="287"/>
            <ac:spMk id="11" creationId="{97884E6A-1995-4AA2-A8FA-8893FFD397FB}"/>
          </ac:spMkLst>
        </pc:spChg>
        <pc:spChg chg="add mod">
          <ac:chgData name="Steve Grigg" userId="8751aa99-eeaf-485f-89a4-df3fadfd694e" providerId="ADAL" clId="{D0B4B07A-E52D-4949-AD90-D2D6F5E2899B}" dt="2021-06-03T00:13:25.981" v="631" actId="404"/>
          <ac:spMkLst>
            <pc:docMk/>
            <pc:sldMk cId="3030622168" sldId="287"/>
            <ac:spMk id="12" creationId="{4AA2EA8C-241D-4391-9228-DA1126D22916}"/>
          </ac:spMkLst>
        </pc:spChg>
        <pc:spChg chg="add mod">
          <ac:chgData name="Steve Grigg" userId="8751aa99-eeaf-485f-89a4-df3fadfd694e" providerId="ADAL" clId="{D0B4B07A-E52D-4949-AD90-D2D6F5E2899B}" dt="2021-06-03T00:14:28.157" v="656" actId="1076"/>
          <ac:spMkLst>
            <pc:docMk/>
            <pc:sldMk cId="3030622168" sldId="287"/>
            <ac:spMk id="13" creationId="{74350D17-5D03-4950-B286-8CDBAA5D1EF5}"/>
          </ac:spMkLst>
        </pc:spChg>
        <pc:spChg chg="add mod">
          <ac:chgData name="Steve Grigg" userId="8751aa99-eeaf-485f-89a4-df3fadfd694e" providerId="ADAL" clId="{D0B4B07A-E52D-4949-AD90-D2D6F5E2899B}" dt="2021-06-03T00:14:05.041" v="648" actId="1076"/>
          <ac:spMkLst>
            <pc:docMk/>
            <pc:sldMk cId="3030622168" sldId="287"/>
            <ac:spMk id="14" creationId="{B98029D7-C17D-4E20-86E3-E3C1B42812F2}"/>
          </ac:spMkLst>
        </pc:spChg>
        <pc:spChg chg="add mod">
          <ac:chgData name="Steve Grigg" userId="8751aa99-eeaf-485f-89a4-df3fadfd694e" providerId="ADAL" clId="{D0B4B07A-E52D-4949-AD90-D2D6F5E2899B}" dt="2021-06-03T00:13:06.132" v="626" actId="207"/>
          <ac:spMkLst>
            <pc:docMk/>
            <pc:sldMk cId="3030622168" sldId="287"/>
            <ac:spMk id="15" creationId="{4A9763D0-245D-40BA-998A-27DD4F6D3C17}"/>
          </ac:spMkLst>
        </pc:spChg>
        <pc:spChg chg="add mod">
          <ac:chgData name="Steve Grigg" userId="8751aa99-eeaf-485f-89a4-df3fadfd694e" providerId="ADAL" clId="{D0B4B07A-E52D-4949-AD90-D2D6F5E2899B}" dt="2021-06-03T00:13:25.981" v="631" actId="404"/>
          <ac:spMkLst>
            <pc:docMk/>
            <pc:sldMk cId="3030622168" sldId="287"/>
            <ac:spMk id="16" creationId="{3FC21A50-F5A9-4AB5-B975-55F5C4D7C8A9}"/>
          </ac:spMkLst>
        </pc:spChg>
        <pc:spChg chg="add mod">
          <ac:chgData name="Steve Grigg" userId="8751aa99-eeaf-485f-89a4-df3fadfd694e" providerId="ADAL" clId="{D0B4B07A-E52D-4949-AD90-D2D6F5E2899B}" dt="2021-06-03T00:12:51.070" v="622" actId="207"/>
          <ac:spMkLst>
            <pc:docMk/>
            <pc:sldMk cId="3030622168" sldId="287"/>
            <ac:spMk id="17" creationId="{8EA03169-6C94-4EF6-80A4-0A1D3E8678D1}"/>
          </ac:spMkLst>
        </pc:spChg>
        <pc:spChg chg="add mod">
          <ac:chgData name="Steve Grigg" userId="8751aa99-eeaf-485f-89a4-df3fadfd694e" providerId="ADAL" clId="{D0B4B07A-E52D-4949-AD90-D2D6F5E2899B}" dt="2021-06-03T00:14:32.083" v="657" actId="1076"/>
          <ac:spMkLst>
            <pc:docMk/>
            <pc:sldMk cId="3030622168" sldId="287"/>
            <ac:spMk id="18" creationId="{2BC86D87-ACEE-45C7-9B3D-D4CD7CDA790A}"/>
          </ac:spMkLst>
        </pc:spChg>
        <pc:spChg chg="add mod">
          <ac:chgData name="Steve Grigg" userId="8751aa99-eeaf-485f-89a4-df3fadfd694e" providerId="ADAL" clId="{D0B4B07A-E52D-4949-AD90-D2D6F5E2899B}" dt="2021-06-03T00:12:44.277" v="618" actId="571"/>
          <ac:spMkLst>
            <pc:docMk/>
            <pc:sldMk cId="3030622168" sldId="287"/>
            <ac:spMk id="19" creationId="{119956F9-199C-4D9E-B9F8-8CA548932A44}"/>
          </ac:spMkLst>
        </pc:spChg>
        <pc:spChg chg="add mod">
          <ac:chgData name="Steve Grigg" userId="8751aa99-eeaf-485f-89a4-df3fadfd694e" providerId="ADAL" clId="{D0B4B07A-E52D-4949-AD90-D2D6F5E2899B}" dt="2021-06-03T00:12:44.277" v="618" actId="571"/>
          <ac:spMkLst>
            <pc:docMk/>
            <pc:sldMk cId="3030622168" sldId="287"/>
            <ac:spMk id="20" creationId="{5FE37D34-EAEF-4F8F-BD21-B8C5E183EBE1}"/>
          </ac:spMkLst>
        </pc:spChg>
        <pc:spChg chg="add mod">
          <ac:chgData name="Steve Grigg" userId="8751aa99-eeaf-485f-89a4-df3fadfd694e" providerId="ADAL" clId="{D0B4B07A-E52D-4949-AD90-D2D6F5E2899B}" dt="2021-06-03T00:12:44.277" v="618" actId="571"/>
          <ac:spMkLst>
            <pc:docMk/>
            <pc:sldMk cId="3030622168" sldId="287"/>
            <ac:spMk id="21" creationId="{AD92BBBE-CCA8-4EB2-A057-897D121F0724}"/>
          </ac:spMkLst>
        </pc:spChg>
      </pc:sldChg>
      <pc:sldChg chg="new del">
        <pc:chgData name="Steve Grigg" userId="8751aa99-eeaf-485f-89a4-df3fadfd694e" providerId="ADAL" clId="{D0B4B07A-E52D-4949-AD90-D2D6F5E2899B}" dt="2021-06-03T00:24:26.275" v="1700" actId="47"/>
        <pc:sldMkLst>
          <pc:docMk/>
          <pc:sldMk cId="1667428400" sldId="288"/>
        </pc:sldMkLst>
      </pc:sldChg>
      <pc:sldChg chg="addSp delSp modSp add del mod">
        <pc:chgData name="Steve Grigg" userId="8751aa99-eeaf-485f-89a4-df3fadfd694e" providerId="ADAL" clId="{D0B4B07A-E52D-4949-AD90-D2D6F5E2899B}" dt="2021-06-03T00:19:27.799" v="1084" actId="47"/>
        <pc:sldMkLst>
          <pc:docMk/>
          <pc:sldMk cId="1951760052" sldId="289"/>
        </pc:sldMkLst>
        <pc:spChg chg="add mod">
          <ac:chgData name="Steve Grigg" userId="8751aa99-eeaf-485f-89a4-df3fadfd694e" providerId="ADAL" clId="{D0B4B07A-E52D-4949-AD90-D2D6F5E2899B}" dt="2021-06-03T00:18:20.131" v="1071" actId="20577"/>
          <ac:spMkLst>
            <pc:docMk/>
            <pc:sldMk cId="1951760052" sldId="289"/>
            <ac:spMk id="2" creationId="{688CAFC8-5A77-4F32-833A-801934D133AA}"/>
          </ac:spMkLst>
        </pc:spChg>
        <pc:spChg chg="add mod">
          <ac:chgData name="Steve Grigg" userId="8751aa99-eeaf-485f-89a4-df3fadfd694e" providerId="ADAL" clId="{D0B4B07A-E52D-4949-AD90-D2D6F5E2899B}" dt="2021-06-03T00:18:12.327" v="1049"/>
          <ac:spMkLst>
            <pc:docMk/>
            <pc:sldMk cId="1951760052" sldId="289"/>
            <ac:spMk id="3" creationId="{F2A44490-A788-4B3B-ABFB-04C05C8764BA}"/>
          </ac:spMkLst>
        </pc:spChg>
        <pc:spChg chg="del mod">
          <ac:chgData name="Steve Grigg" userId="8751aa99-eeaf-485f-89a4-df3fadfd694e" providerId="ADAL" clId="{D0B4B07A-E52D-4949-AD90-D2D6F5E2899B}" dt="2021-06-03T00:18:12.327" v="1049"/>
          <ac:spMkLst>
            <pc:docMk/>
            <pc:sldMk cId="1951760052" sldId="289"/>
            <ac:spMk id="12" creationId="{14DBC764-C70D-4E1E-8AD4-F1B6775910F7}"/>
          </ac:spMkLst>
        </pc:spChg>
        <pc:spChg chg="mod">
          <ac:chgData name="Steve Grigg" userId="8751aa99-eeaf-485f-89a4-df3fadfd694e" providerId="ADAL" clId="{D0B4B07A-E52D-4949-AD90-D2D6F5E2899B}" dt="2021-06-03T00:18:06.787" v="1044"/>
          <ac:spMkLst>
            <pc:docMk/>
            <pc:sldMk cId="1951760052" sldId="289"/>
            <ac:spMk id="13" creationId="{ABECD84D-399C-4CF5-B208-01EA9F9CECC0}"/>
          </ac:spMkLst>
        </pc:spChg>
        <pc:spChg chg="mod">
          <ac:chgData name="Steve Grigg" userId="8751aa99-eeaf-485f-89a4-df3fadfd694e" providerId="ADAL" clId="{D0B4B07A-E52D-4949-AD90-D2D6F5E2899B}" dt="2021-06-03T00:18:06.787" v="1046"/>
          <ac:spMkLst>
            <pc:docMk/>
            <pc:sldMk cId="1951760052" sldId="289"/>
            <ac:spMk id="14" creationId="{3DC4C3D9-6E61-4A85-9CD7-A7F60B004C3F}"/>
          </ac:spMkLst>
        </pc:spChg>
        <pc:spChg chg="mod">
          <ac:chgData name="Steve Grigg" userId="8751aa99-eeaf-485f-89a4-df3fadfd694e" providerId="ADAL" clId="{D0B4B07A-E52D-4949-AD90-D2D6F5E2899B}" dt="2021-06-03T00:18:06.788" v="1048"/>
          <ac:spMkLst>
            <pc:docMk/>
            <pc:sldMk cId="1951760052" sldId="289"/>
            <ac:spMk id="15" creationId="{A05A5AAE-298E-4D7A-BAC8-65F84EB32071}"/>
          </ac:spMkLst>
        </pc:spChg>
        <pc:spChg chg="del mod">
          <ac:chgData name="Steve Grigg" userId="8751aa99-eeaf-485f-89a4-df3fadfd694e" providerId="ADAL" clId="{D0B4B07A-E52D-4949-AD90-D2D6F5E2899B}" dt="2021-06-03T00:18:12.327" v="1049"/>
          <ac:spMkLst>
            <pc:docMk/>
            <pc:sldMk cId="1951760052" sldId="289"/>
            <ac:spMk id="16" creationId="{C3E4F02D-85A3-4255-827A-F6863FF24D67}"/>
          </ac:spMkLst>
        </pc:spChg>
      </pc:sldChg>
      <pc:sldChg chg="addSp delSp modSp add mod modNotesTx">
        <pc:chgData name="Steve Grigg" userId="8751aa99-eeaf-485f-89a4-df3fadfd694e" providerId="ADAL" clId="{D0B4B07A-E52D-4949-AD90-D2D6F5E2899B}" dt="2021-06-03T05:13:42.785" v="5217" actId="20577"/>
        <pc:sldMkLst>
          <pc:docMk/>
          <pc:sldMk cId="847775485" sldId="290"/>
        </pc:sldMkLst>
        <pc:spChg chg="add mod">
          <ac:chgData name="Steve Grigg" userId="8751aa99-eeaf-485f-89a4-df3fadfd694e" providerId="ADAL" clId="{D0B4B07A-E52D-4949-AD90-D2D6F5E2899B}" dt="2021-06-03T00:20:34.598" v="1286" actId="20577"/>
          <ac:spMkLst>
            <pc:docMk/>
            <pc:sldMk cId="847775485" sldId="290"/>
            <ac:spMk id="2" creationId="{B91D0CC2-D81B-4804-9AAD-B9964F45F1BA}"/>
          </ac:spMkLst>
        </pc:spChg>
        <pc:spChg chg="add mod">
          <ac:chgData name="Steve Grigg" userId="8751aa99-eeaf-485f-89a4-df3fadfd694e" providerId="ADAL" clId="{D0B4B07A-E52D-4949-AD90-D2D6F5E2899B}" dt="2021-06-03T00:19:25.764" v="1083"/>
          <ac:spMkLst>
            <pc:docMk/>
            <pc:sldMk cId="847775485" sldId="290"/>
            <ac:spMk id="3" creationId="{3ACC8B3C-3E3B-458B-86CB-98BFD35FF6B9}"/>
          </ac:spMkLst>
        </pc:spChg>
        <pc:spChg chg="add mod">
          <ac:chgData name="Steve Grigg" userId="8751aa99-eeaf-485f-89a4-df3fadfd694e" providerId="ADAL" clId="{D0B4B07A-E52D-4949-AD90-D2D6F5E2899B}" dt="2021-06-03T00:23:25.442" v="1695" actId="207"/>
          <ac:spMkLst>
            <pc:docMk/>
            <pc:sldMk cId="847775485" sldId="290"/>
            <ac:spMk id="4" creationId="{C389575A-45D9-471C-AE6F-6DD3F3ECD99C}"/>
          </ac:spMkLst>
        </pc:spChg>
        <pc:spChg chg="del mod">
          <ac:chgData name="Steve Grigg" userId="8751aa99-eeaf-485f-89a4-df3fadfd694e" providerId="ADAL" clId="{D0B4B07A-E52D-4949-AD90-D2D6F5E2899B}" dt="2021-06-03T00:19:25.764" v="1083"/>
          <ac:spMkLst>
            <pc:docMk/>
            <pc:sldMk cId="847775485" sldId="290"/>
            <ac:spMk id="12" creationId="{96F8710D-082E-4CBA-A43E-FF39FD884C9A}"/>
          </ac:spMkLst>
        </pc:spChg>
        <pc:spChg chg="mod">
          <ac:chgData name="Steve Grigg" userId="8751aa99-eeaf-485f-89a4-df3fadfd694e" providerId="ADAL" clId="{D0B4B07A-E52D-4949-AD90-D2D6F5E2899B}" dt="2021-06-03T00:19:42.583" v="1118" actId="20577"/>
          <ac:spMkLst>
            <pc:docMk/>
            <pc:sldMk cId="847775485" sldId="290"/>
            <ac:spMk id="13" creationId="{ABECD84D-399C-4CF5-B208-01EA9F9CECC0}"/>
          </ac:spMkLst>
        </pc:spChg>
        <pc:spChg chg="mod">
          <ac:chgData name="Steve Grigg" userId="8751aa99-eeaf-485f-89a4-df3fadfd694e" providerId="ADAL" clId="{D0B4B07A-E52D-4949-AD90-D2D6F5E2899B}" dt="2021-06-03T00:19:54.768" v="1152" actId="20577"/>
          <ac:spMkLst>
            <pc:docMk/>
            <pc:sldMk cId="847775485" sldId="290"/>
            <ac:spMk id="14" creationId="{3DC4C3D9-6E61-4A85-9CD7-A7F60B004C3F}"/>
          </ac:spMkLst>
        </pc:spChg>
        <pc:spChg chg="mod">
          <ac:chgData name="Steve Grigg" userId="8751aa99-eeaf-485f-89a4-df3fadfd694e" providerId="ADAL" clId="{D0B4B07A-E52D-4949-AD90-D2D6F5E2899B}" dt="2021-06-03T00:20:31.205" v="1274" actId="20577"/>
          <ac:spMkLst>
            <pc:docMk/>
            <pc:sldMk cId="847775485" sldId="290"/>
            <ac:spMk id="15" creationId="{A05A5AAE-298E-4D7A-BAC8-65F84EB32071}"/>
          </ac:spMkLst>
        </pc:spChg>
        <pc:spChg chg="del mod">
          <ac:chgData name="Steve Grigg" userId="8751aa99-eeaf-485f-89a4-df3fadfd694e" providerId="ADAL" clId="{D0B4B07A-E52D-4949-AD90-D2D6F5E2899B}" dt="2021-06-03T00:19:25.764" v="1083"/>
          <ac:spMkLst>
            <pc:docMk/>
            <pc:sldMk cId="847775485" sldId="290"/>
            <ac:spMk id="16" creationId="{0FC073F2-ADFF-4634-AD86-2CEC05BB12A2}"/>
          </ac:spMkLst>
        </pc:spChg>
        <pc:picChg chg="add mod">
          <ac:chgData name="Steve Grigg" userId="8751aa99-eeaf-485f-89a4-df3fadfd694e" providerId="ADAL" clId="{D0B4B07A-E52D-4949-AD90-D2D6F5E2899B}" dt="2021-06-03T00:23:09.933" v="1685" actId="1076"/>
          <ac:picMkLst>
            <pc:docMk/>
            <pc:sldMk cId="847775485" sldId="290"/>
            <ac:picMk id="9" creationId="{085C754E-0EA2-44E5-B8CA-A5B044F0932F}"/>
          </ac:picMkLst>
        </pc:picChg>
        <pc:picChg chg="add mod">
          <ac:chgData name="Steve Grigg" userId="8751aa99-eeaf-485f-89a4-df3fadfd694e" providerId="ADAL" clId="{D0B4B07A-E52D-4949-AD90-D2D6F5E2899B}" dt="2021-06-03T00:23:07.834" v="1684" actId="1076"/>
          <ac:picMkLst>
            <pc:docMk/>
            <pc:sldMk cId="847775485" sldId="290"/>
            <ac:picMk id="10" creationId="{558D503D-500A-4B1C-B692-0F36D13E2699}"/>
          </ac:picMkLst>
        </pc:picChg>
      </pc:sldChg>
      <pc:sldChg chg="add del">
        <pc:chgData name="Steve Grigg" userId="8751aa99-eeaf-485f-89a4-df3fadfd694e" providerId="ADAL" clId="{D0B4B07A-E52D-4949-AD90-D2D6F5E2899B}" dt="2021-06-03T00:24:26.275" v="1700" actId="47"/>
        <pc:sldMkLst>
          <pc:docMk/>
          <pc:sldMk cId="217995912" sldId="291"/>
        </pc:sldMkLst>
      </pc:sldChg>
      <pc:sldChg chg="new del">
        <pc:chgData name="Steve Grigg" userId="8751aa99-eeaf-485f-89a4-df3fadfd694e" providerId="ADAL" clId="{D0B4B07A-E52D-4949-AD90-D2D6F5E2899B}" dt="2021-06-03T00:26:33.077" v="1705" actId="47"/>
        <pc:sldMkLst>
          <pc:docMk/>
          <pc:sldMk cId="915303037" sldId="291"/>
        </pc:sldMkLst>
      </pc:sldChg>
      <pc:sldChg chg="modSp add mod modNotesTx">
        <pc:chgData name="Steve Grigg" userId="8751aa99-eeaf-485f-89a4-df3fadfd694e" providerId="ADAL" clId="{D0B4B07A-E52D-4949-AD90-D2D6F5E2899B}" dt="2021-06-03T05:13:26.092" v="5206" actId="20577"/>
        <pc:sldMkLst>
          <pc:docMk/>
          <pc:sldMk cId="1103992401" sldId="292"/>
        </pc:sldMkLst>
        <pc:spChg chg="mod">
          <ac:chgData name="Steve Grigg" userId="8751aa99-eeaf-485f-89a4-df3fadfd694e" providerId="ADAL" clId="{D0B4B07A-E52D-4949-AD90-D2D6F5E2899B}" dt="2021-06-03T00:42:30.335" v="3229" actId="113"/>
          <ac:spMkLst>
            <pc:docMk/>
            <pc:sldMk cId="1103992401" sldId="292"/>
            <ac:spMk id="4" creationId="{F34EA307-2F5D-42FB-99BB-B7C510669730}"/>
          </ac:spMkLst>
        </pc:spChg>
        <pc:spChg chg="mod">
          <ac:chgData name="Steve Grigg" userId="8751aa99-eeaf-485f-89a4-df3fadfd694e" providerId="ADAL" clId="{D0B4B07A-E52D-4949-AD90-D2D6F5E2899B}" dt="2021-06-03T00:42:47.558" v="3232" actId="207"/>
          <ac:spMkLst>
            <pc:docMk/>
            <pc:sldMk cId="1103992401" sldId="292"/>
            <ac:spMk id="7" creationId="{2E192B8A-372C-4D0A-B427-94657CDDBBEC}"/>
          </ac:spMkLst>
        </pc:spChg>
      </pc:sldChg>
      <pc:sldChg chg="modSp add mod addAnim delAnim modNotesTx">
        <pc:chgData name="Steve Grigg" userId="8751aa99-eeaf-485f-89a4-df3fadfd694e" providerId="ADAL" clId="{D0B4B07A-E52D-4949-AD90-D2D6F5E2899B}" dt="2021-06-03T00:56:23.556" v="4619" actId="20577"/>
        <pc:sldMkLst>
          <pc:docMk/>
          <pc:sldMk cId="2832208460" sldId="293"/>
        </pc:sldMkLst>
        <pc:spChg chg="mod">
          <ac:chgData name="Steve Grigg" userId="8751aa99-eeaf-485f-89a4-df3fadfd694e" providerId="ADAL" clId="{D0B4B07A-E52D-4949-AD90-D2D6F5E2899B}" dt="2021-06-03T00:26:49.606" v="1708"/>
          <ac:spMkLst>
            <pc:docMk/>
            <pc:sldMk cId="2832208460" sldId="293"/>
            <ac:spMk id="10" creationId="{32A55A2C-A408-4E16-8709-A424E5D494EE}"/>
          </ac:spMkLst>
        </pc:spChg>
        <pc:spChg chg="mod">
          <ac:chgData name="Steve Grigg" userId="8751aa99-eeaf-485f-89a4-df3fadfd694e" providerId="ADAL" clId="{D0B4B07A-E52D-4949-AD90-D2D6F5E2899B}" dt="2021-06-03T00:26:49.633" v="1712"/>
          <ac:spMkLst>
            <pc:docMk/>
            <pc:sldMk cId="2832208460" sldId="293"/>
            <ac:spMk id="12" creationId="{E5D93888-9A9B-47DA-B5F8-A56CCCC9A744}"/>
          </ac:spMkLst>
        </pc:spChg>
        <pc:spChg chg="mod">
          <ac:chgData name="Steve Grigg" userId="8751aa99-eeaf-485f-89a4-df3fadfd694e" providerId="ADAL" clId="{D0B4B07A-E52D-4949-AD90-D2D6F5E2899B}" dt="2021-06-03T00:26:49.635" v="1716"/>
          <ac:spMkLst>
            <pc:docMk/>
            <pc:sldMk cId="2832208460" sldId="293"/>
            <ac:spMk id="14" creationId="{E767DD6E-528A-4124-9B80-FF06F2AF275D}"/>
          </ac:spMkLst>
        </pc:spChg>
        <pc:spChg chg="mod">
          <ac:chgData name="Steve Grigg" userId="8751aa99-eeaf-485f-89a4-df3fadfd694e" providerId="ADAL" clId="{D0B4B07A-E52D-4949-AD90-D2D6F5E2899B}" dt="2021-06-03T00:26:49.638" v="1720"/>
          <ac:spMkLst>
            <pc:docMk/>
            <pc:sldMk cId="2832208460" sldId="293"/>
            <ac:spMk id="16" creationId="{3C7EC70D-C728-499F-8586-E09B8792D8D9}"/>
          </ac:spMkLst>
        </pc:spChg>
        <pc:spChg chg="mod">
          <ac:chgData name="Steve Grigg" userId="8751aa99-eeaf-485f-89a4-df3fadfd694e" providerId="ADAL" clId="{D0B4B07A-E52D-4949-AD90-D2D6F5E2899B}" dt="2021-06-03T00:28:34.415" v="1729" actId="113"/>
          <ac:spMkLst>
            <pc:docMk/>
            <pc:sldMk cId="2832208460" sldId="293"/>
            <ac:spMk id="24" creationId="{FB59FD2C-2AF3-4A2F-A80F-1BF8A8FA4E1B}"/>
          </ac:spMkLst>
        </pc:spChg>
        <pc:spChg chg="mod">
          <ac:chgData name="Steve Grigg" userId="8751aa99-eeaf-485f-89a4-df3fadfd694e" providerId="ADAL" clId="{D0B4B07A-E52D-4949-AD90-D2D6F5E2899B}" dt="2021-06-03T00:26:49.641" v="1726"/>
          <ac:spMkLst>
            <pc:docMk/>
            <pc:sldMk cId="2832208460" sldId="293"/>
            <ac:spMk id="25" creationId="{F4750AC3-910C-439E-93C5-653F99D55BC0}"/>
          </ac:spMkLst>
        </pc:spChg>
        <pc:graphicFrameChg chg="mod modGraphic">
          <ac:chgData name="Steve Grigg" userId="8751aa99-eeaf-485f-89a4-df3fadfd694e" providerId="ADAL" clId="{D0B4B07A-E52D-4949-AD90-D2D6F5E2899B}" dt="2021-06-03T00:36:05.367" v="2338" actId="20577"/>
          <ac:graphicFrameMkLst>
            <pc:docMk/>
            <pc:sldMk cId="2832208460" sldId="293"/>
            <ac:graphicFrameMk id="11" creationId="{AFA40EA5-06FB-4FB4-8048-630EBE638FDF}"/>
          </ac:graphicFrameMkLst>
        </pc:graphicFrameChg>
        <pc:graphicFrameChg chg="mod modGraphic">
          <ac:chgData name="Steve Grigg" userId="8751aa99-eeaf-485f-89a4-df3fadfd694e" providerId="ADAL" clId="{D0B4B07A-E52D-4949-AD90-D2D6F5E2899B}" dt="2021-06-03T00:31:31.624" v="1976" actId="20577"/>
          <ac:graphicFrameMkLst>
            <pc:docMk/>
            <pc:sldMk cId="2832208460" sldId="293"/>
            <ac:graphicFrameMk id="13" creationId="{AEAAB2A2-3B13-4C21-B089-D8E775A590C7}"/>
          </ac:graphicFrameMkLst>
        </pc:graphicFrameChg>
        <pc:graphicFrameChg chg="mod modGraphic">
          <ac:chgData name="Steve Grigg" userId="8751aa99-eeaf-485f-89a4-df3fadfd694e" providerId="ADAL" clId="{D0B4B07A-E52D-4949-AD90-D2D6F5E2899B}" dt="2021-06-03T00:34:21.488" v="2164" actId="20577"/>
          <ac:graphicFrameMkLst>
            <pc:docMk/>
            <pc:sldMk cId="2832208460" sldId="293"/>
            <ac:graphicFrameMk id="15" creationId="{BDA54117-427B-435A-8ADF-5D0725700EEB}"/>
          </ac:graphicFrameMkLst>
        </pc:graphicFrameChg>
        <pc:graphicFrameChg chg="mod modGraphic">
          <ac:chgData name="Steve Grigg" userId="8751aa99-eeaf-485f-89a4-df3fadfd694e" providerId="ADAL" clId="{D0B4B07A-E52D-4949-AD90-D2D6F5E2899B}" dt="2021-06-03T00:35:12.924" v="2283" actId="313"/>
          <ac:graphicFrameMkLst>
            <pc:docMk/>
            <pc:sldMk cId="2832208460" sldId="293"/>
            <ac:graphicFrameMk id="17" creationId="{227600A3-A7F9-4132-ACA8-EFF2594B7CEE}"/>
          </ac:graphicFrameMkLst>
        </pc:graphicFrameChg>
      </pc:sldChg>
      <pc:sldChg chg="modSp new mod">
        <pc:chgData name="Steve Grigg" userId="8751aa99-eeaf-485f-89a4-df3fadfd694e" providerId="ADAL" clId="{D0B4B07A-E52D-4949-AD90-D2D6F5E2899B}" dt="2021-06-03T05:14:08.745" v="5241" actId="313"/>
        <pc:sldMkLst>
          <pc:docMk/>
          <pc:sldMk cId="1767619442" sldId="294"/>
        </pc:sldMkLst>
        <pc:spChg chg="mod">
          <ac:chgData name="Steve Grigg" userId="8751aa99-eeaf-485f-89a4-df3fadfd694e" providerId="ADAL" clId="{D0B4B07A-E52D-4949-AD90-D2D6F5E2899B}" dt="2021-06-03T05:14:08.745" v="5241" actId="313"/>
          <ac:spMkLst>
            <pc:docMk/>
            <pc:sldMk cId="1767619442" sldId="294"/>
            <ac:spMk id="2" creationId="{1A008AD9-47DA-4459-A674-6B032FD85013}"/>
          </ac:spMkLst>
        </pc:spChg>
      </pc:sldChg>
      <pc:sldChg chg="addSp delSp modSp new mod">
        <pc:chgData name="Steve Grigg" userId="8751aa99-eeaf-485f-89a4-df3fadfd694e" providerId="ADAL" clId="{D0B4B07A-E52D-4949-AD90-D2D6F5E2899B}" dt="2021-06-03T05:43:15.117" v="5288" actId="478"/>
        <pc:sldMkLst>
          <pc:docMk/>
          <pc:sldMk cId="1913109599" sldId="295"/>
        </pc:sldMkLst>
        <pc:spChg chg="mod">
          <ac:chgData name="Steve Grigg" userId="8751aa99-eeaf-485f-89a4-df3fadfd694e" providerId="ADAL" clId="{D0B4B07A-E52D-4949-AD90-D2D6F5E2899B}" dt="2021-06-03T05:41:58.056" v="5269" actId="20577"/>
          <ac:spMkLst>
            <pc:docMk/>
            <pc:sldMk cId="1913109599" sldId="295"/>
            <ac:spMk id="2" creationId="{4EED0FB8-0F63-46BA-A0E3-B072967450FB}"/>
          </ac:spMkLst>
        </pc:spChg>
        <pc:spChg chg="del">
          <ac:chgData name="Steve Grigg" userId="8751aa99-eeaf-485f-89a4-df3fadfd694e" providerId="ADAL" clId="{D0B4B07A-E52D-4949-AD90-D2D6F5E2899B}" dt="2021-06-03T05:43:15.117" v="5288" actId="478"/>
          <ac:spMkLst>
            <pc:docMk/>
            <pc:sldMk cId="1913109599" sldId="295"/>
            <ac:spMk id="3" creationId="{9CF5EB07-797F-49D7-A838-81D2D97AC5B1}"/>
          </ac:spMkLst>
        </pc:spChg>
        <pc:picChg chg="add mod">
          <ac:chgData name="Steve Grigg" userId="8751aa99-eeaf-485f-89a4-df3fadfd694e" providerId="ADAL" clId="{D0B4B07A-E52D-4949-AD90-D2D6F5E2899B}" dt="2021-06-03T05:43:13.059" v="5287" actId="1076"/>
          <ac:picMkLst>
            <pc:docMk/>
            <pc:sldMk cId="1913109599" sldId="295"/>
            <ac:picMk id="1026" creationId="{174AAB05-42D9-423F-8B97-2E35CEF133C7}"/>
          </ac:picMkLst>
        </pc:picChg>
        <pc:picChg chg="add mod">
          <ac:chgData name="Steve Grigg" userId="8751aa99-eeaf-485f-89a4-df3fadfd694e" providerId="ADAL" clId="{D0B4B07A-E52D-4949-AD90-D2D6F5E2899B}" dt="2021-06-03T05:43:04.715" v="5283" actId="1076"/>
          <ac:picMkLst>
            <pc:docMk/>
            <pc:sldMk cId="1913109599" sldId="295"/>
            <ac:picMk id="1027" creationId="{27DB97A7-6683-4317-988C-D80DC63CBFB6}"/>
          </ac:picMkLst>
        </pc:picChg>
        <pc:picChg chg="add mod">
          <ac:chgData name="Steve Grigg" userId="8751aa99-eeaf-485f-89a4-df3fadfd694e" providerId="ADAL" clId="{D0B4B07A-E52D-4949-AD90-D2D6F5E2899B}" dt="2021-06-03T05:43:06.013" v="5284" actId="1076"/>
          <ac:picMkLst>
            <pc:docMk/>
            <pc:sldMk cId="1913109599" sldId="295"/>
            <ac:picMk id="1028" creationId="{2FF8027A-6D58-42EE-806E-BE126CFF6DB3}"/>
          </ac:picMkLst>
        </pc:picChg>
        <pc:picChg chg="add mod">
          <ac:chgData name="Steve Grigg" userId="8751aa99-eeaf-485f-89a4-df3fadfd694e" providerId="ADAL" clId="{D0B4B07A-E52D-4949-AD90-D2D6F5E2899B}" dt="2021-06-03T05:43:01.120" v="5281" actId="1076"/>
          <ac:picMkLst>
            <pc:docMk/>
            <pc:sldMk cId="1913109599" sldId="295"/>
            <ac:picMk id="1029" creationId="{6050A07F-BCE1-4113-8423-2A4F1713334E}"/>
          </ac:picMkLst>
        </pc:picChg>
        <pc:picChg chg="add mod">
          <ac:chgData name="Steve Grigg" userId="8751aa99-eeaf-485f-89a4-df3fadfd694e" providerId="ADAL" clId="{D0B4B07A-E52D-4949-AD90-D2D6F5E2899B}" dt="2021-06-03T05:42:48.567" v="5277" actId="1076"/>
          <ac:picMkLst>
            <pc:docMk/>
            <pc:sldMk cId="1913109599" sldId="295"/>
            <ac:picMk id="1030" creationId="{89897E37-A93F-4982-94DB-15EF3FA758B7}"/>
          </ac:picMkLst>
        </pc:picChg>
      </pc:sldChg>
      <pc:sldChg chg="new del">
        <pc:chgData name="Steve Grigg" userId="8751aa99-eeaf-485f-89a4-df3fadfd694e" providerId="ADAL" clId="{D0B4B07A-E52D-4949-AD90-D2D6F5E2899B}" dt="2021-06-03T05:42:03.214" v="5271" actId="47"/>
        <pc:sldMkLst>
          <pc:docMk/>
          <pc:sldMk cId="3588888467" sldId="296"/>
        </pc:sldMkLst>
      </pc:sldChg>
    </pc:docChg>
  </pc:docChgLst>
  <pc:docChgLst>
    <pc:chgData name="Steve Grigg" userId="8751aa99-eeaf-485f-89a4-df3fadfd694e" providerId="ADAL" clId="{801762A3-A6CD-462D-ACD1-9C1A584D2306}"/>
    <pc:docChg chg="custSel modSld">
      <pc:chgData name="Steve Grigg" userId="8751aa99-eeaf-485f-89a4-df3fadfd694e" providerId="ADAL" clId="{801762A3-A6CD-462D-ACD1-9C1A584D2306}" dt="2021-05-06T01:52:47.844" v="25" actId="478"/>
      <pc:docMkLst>
        <pc:docMk/>
      </pc:docMkLst>
      <pc:sldChg chg="delSp modSp mod">
        <pc:chgData name="Steve Grigg" userId="8751aa99-eeaf-485f-89a4-df3fadfd694e" providerId="ADAL" clId="{801762A3-A6CD-462D-ACD1-9C1A584D2306}" dt="2021-05-06T01:52:47.844" v="25" actId="478"/>
        <pc:sldMkLst>
          <pc:docMk/>
          <pc:sldMk cId="0" sldId="257"/>
        </pc:sldMkLst>
        <pc:spChg chg="del mod">
          <ac:chgData name="Steve Grigg" userId="8751aa99-eeaf-485f-89a4-df3fadfd694e" providerId="ADAL" clId="{801762A3-A6CD-462D-ACD1-9C1A584D2306}" dt="2021-05-06T01:52:47.844" v="25" actId="478"/>
          <ac:spMkLst>
            <pc:docMk/>
            <pc:sldMk cId="0" sldId="257"/>
            <ac:spMk id="8" creationId="{45712F21-8D57-433C-BC66-AEACB21CD9E9}"/>
          </ac:spMkLst>
        </pc:spChg>
        <pc:spChg chg="mod">
          <ac:chgData name="Steve Grigg" userId="8751aa99-eeaf-485f-89a4-df3fadfd694e" providerId="ADAL" clId="{801762A3-A6CD-462D-ACD1-9C1A584D2306}" dt="2021-05-06T01:52:38.771" v="12" actId="20577"/>
          <ac:spMkLst>
            <pc:docMk/>
            <pc:sldMk cId="0" sldId="257"/>
            <ac:spMk id="364" creationId="{00000000-0000-0000-0000-000000000000}"/>
          </ac:spMkLst>
        </pc:spChg>
        <pc:spChg chg="mod">
          <ac:chgData name="Steve Grigg" userId="8751aa99-eeaf-485f-89a4-df3fadfd694e" providerId="ADAL" clId="{801762A3-A6CD-462D-ACD1-9C1A584D2306}" dt="2021-05-06T01:52:27.557" v="1" actId="20577"/>
          <ac:spMkLst>
            <pc:docMk/>
            <pc:sldMk cId="0" sldId="257"/>
            <ac:spMk id="365" creationId="{00000000-0000-0000-0000-000000000000}"/>
          </ac:spMkLst>
        </pc:spChg>
      </pc:sldChg>
    </pc:docChg>
  </pc:docChgLst>
  <pc:docChgLst>
    <pc:chgData name="Steve Grigg" userId="8751aa99-eeaf-485f-89a4-df3fadfd694e" providerId="ADAL" clId="{7FB330E0-062E-4B26-915A-DF8AD49200B3}"/>
    <pc:docChg chg="undo custSel addSld delSld modSld">
      <pc:chgData name="Steve Grigg" userId="8751aa99-eeaf-485f-89a4-df3fadfd694e" providerId="ADAL" clId="{7FB330E0-062E-4B26-915A-DF8AD49200B3}" dt="2021-05-11T06:54:29.014" v="3060"/>
      <pc:docMkLst>
        <pc:docMk/>
      </pc:docMkLst>
      <pc:sldChg chg="addSp delSp modSp mod">
        <pc:chgData name="Steve Grigg" userId="8751aa99-eeaf-485f-89a4-df3fadfd694e" providerId="ADAL" clId="{7FB330E0-062E-4B26-915A-DF8AD49200B3}" dt="2021-05-11T06:39:53.194" v="2505" actId="1076"/>
        <pc:sldMkLst>
          <pc:docMk/>
          <pc:sldMk cId="0" sldId="257"/>
        </pc:sldMkLst>
        <pc:spChg chg="mod">
          <ac:chgData name="Steve Grigg" userId="8751aa99-eeaf-485f-89a4-df3fadfd694e" providerId="ADAL" clId="{7FB330E0-062E-4B26-915A-DF8AD49200B3}" dt="2021-05-11T06:38:52.277" v="2500" actId="5793"/>
          <ac:spMkLst>
            <pc:docMk/>
            <pc:sldMk cId="0" sldId="257"/>
            <ac:spMk id="364" creationId="{00000000-0000-0000-0000-000000000000}"/>
          </ac:spMkLst>
        </pc:spChg>
        <pc:spChg chg="mod">
          <ac:chgData name="Steve Grigg" userId="8751aa99-eeaf-485f-89a4-df3fadfd694e" providerId="ADAL" clId="{7FB330E0-062E-4B26-915A-DF8AD49200B3}" dt="2021-05-11T06:38:14.988" v="2433" actId="20577"/>
          <ac:spMkLst>
            <pc:docMk/>
            <pc:sldMk cId="0" sldId="257"/>
            <ac:spMk id="365" creationId="{00000000-0000-0000-0000-000000000000}"/>
          </ac:spMkLst>
        </pc:spChg>
        <pc:grpChg chg="del">
          <ac:chgData name="Steve Grigg" userId="8751aa99-eeaf-485f-89a4-df3fadfd694e" providerId="ADAL" clId="{7FB330E0-062E-4B26-915A-DF8AD49200B3}" dt="2021-05-11T06:38:54.506" v="2501" actId="478"/>
          <ac:grpSpMkLst>
            <pc:docMk/>
            <pc:sldMk cId="0" sldId="257"/>
            <ac:grpSpMk id="4" creationId="{CD02E679-CE61-4EBA-9670-8C7F48ED5082}"/>
          </ac:grpSpMkLst>
        </pc:grpChg>
        <pc:picChg chg="add mod">
          <ac:chgData name="Steve Grigg" userId="8751aa99-eeaf-485f-89a4-df3fadfd694e" providerId="ADAL" clId="{7FB330E0-062E-4B26-915A-DF8AD49200B3}" dt="2021-05-11T06:39:53.194" v="2505" actId="1076"/>
          <ac:picMkLst>
            <pc:docMk/>
            <pc:sldMk cId="0" sldId="257"/>
            <ac:picMk id="7170" creationId="{D519AE43-328D-4E35-AFED-64ED05C2288B}"/>
          </ac:picMkLst>
        </pc:picChg>
      </pc:sldChg>
      <pc:sldChg chg="modTransition">
        <pc:chgData name="Steve Grigg" userId="8751aa99-eeaf-485f-89a4-df3fadfd694e" providerId="ADAL" clId="{7FB330E0-062E-4B26-915A-DF8AD49200B3}" dt="2021-05-11T06:54:29.014" v="3060"/>
        <pc:sldMkLst>
          <pc:docMk/>
          <pc:sldMk cId="0" sldId="258"/>
        </pc:sldMkLst>
      </pc:sldChg>
      <pc:sldChg chg="modTransition">
        <pc:chgData name="Steve Grigg" userId="8751aa99-eeaf-485f-89a4-df3fadfd694e" providerId="ADAL" clId="{7FB330E0-062E-4B26-915A-DF8AD49200B3}" dt="2021-05-11T06:54:29.014" v="3060"/>
        <pc:sldMkLst>
          <pc:docMk/>
          <pc:sldMk cId="0" sldId="260"/>
        </pc:sldMkLst>
      </pc:sldChg>
      <pc:sldChg chg="modTransition">
        <pc:chgData name="Steve Grigg" userId="8751aa99-eeaf-485f-89a4-df3fadfd694e" providerId="ADAL" clId="{7FB330E0-062E-4B26-915A-DF8AD49200B3}" dt="2021-05-11T06:54:29.014" v="3060"/>
        <pc:sldMkLst>
          <pc:docMk/>
          <pc:sldMk cId="0" sldId="261"/>
        </pc:sldMkLst>
      </pc:sldChg>
      <pc:sldChg chg="modTransition">
        <pc:chgData name="Steve Grigg" userId="8751aa99-eeaf-485f-89a4-df3fadfd694e" providerId="ADAL" clId="{7FB330E0-062E-4B26-915A-DF8AD49200B3}" dt="2021-05-11T06:54:29.014" v="3060"/>
        <pc:sldMkLst>
          <pc:docMk/>
          <pc:sldMk cId="0" sldId="262"/>
        </pc:sldMkLst>
      </pc:sldChg>
      <pc:sldChg chg="modTransition">
        <pc:chgData name="Steve Grigg" userId="8751aa99-eeaf-485f-89a4-df3fadfd694e" providerId="ADAL" clId="{7FB330E0-062E-4B26-915A-DF8AD49200B3}" dt="2021-05-11T06:54:29.014" v="3060"/>
        <pc:sldMkLst>
          <pc:docMk/>
          <pc:sldMk cId="3701866374" sldId="265"/>
        </pc:sldMkLst>
      </pc:sldChg>
      <pc:sldChg chg="modTransition">
        <pc:chgData name="Steve Grigg" userId="8751aa99-eeaf-485f-89a4-df3fadfd694e" providerId="ADAL" clId="{7FB330E0-062E-4B26-915A-DF8AD49200B3}" dt="2021-05-11T06:54:29.014" v="3060"/>
        <pc:sldMkLst>
          <pc:docMk/>
          <pc:sldMk cId="3814868984" sldId="266"/>
        </pc:sldMkLst>
      </pc:sldChg>
      <pc:sldChg chg="addSp delSp modSp new mod">
        <pc:chgData name="Steve Grigg" userId="8751aa99-eeaf-485f-89a4-df3fadfd694e" providerId="ADAL" clId="{7FB330E0-062E-4B26-915A-DF8AD49200B3}" dt="2021-05-11T06:22:48.817" v="2221" actId="20577"/>
        <pc:sldMkLst>
          <pc:docMk/>
          <pc:sldMk cId="2659065634" sldId="267"/>
        </pc:sldMkLst>
        <pc:spChg chg="del">
          <ac:chgData name="Steve Grigg" userId="8751aa99-eeaf-485f-89a4-df3fadfd694e" providerId="ADAL" clId="{7FB330E0-062E-4B26-915A-DF8AD49200B3}" dt="2021-05-11T05:49:19.565" v="2"/>
          <ac:spMkLst>
            <pc:docMk/>
            <pc:sldMk cId="2659065634" sldId="267"/>
            <ac:spMk id="2" creationId="{F4DD0EBF-AB28-4E50-B39A-FE937FE21339}"/>
          </ac:spMkLst>
        </pc:spChg>
        <pc:spChg chg="del">
          <ac:chgData name="Steve Grigg" userId="8751aa99-eeaf-485f-89a4-df3fadfd694e" providerId="ADAL" clId="{7FB330E0-062E-4B26-915A-DF8AD49200B3}" dt="2021-05-11T05:49:19.565" v="2"/>
          <ac:spMkLst>
            <pc:docMk/>
            <pc:sldMk cId="2659065634" sldId="267"/>
            <ac:spMk id="3" creationId="{498F3BA5-C2B4-4CF2-B265-C11E1544C8BE}"/>
          </ac:spMkLst>
        </pc:spChg>
        <pc:spChg chg="add mod">
          <ac:chgData name="Steve Grigg" userId="8751aa99-eeaf-485f-89a4-df3fadfd694e" providerId="ADAL" clId="{7FB330E0-062E-4B26-915A-DF8AD49200B3}" dt="2021-05-11T06:22:48.817" v="2221" actId="20577"/>
          <ac:spMkLst>
            <pc:docMk/>
            <pc:sldMk cId="2659065634" sldId="267"/>
            <ac:spMk id="4" creationId="{F34EA307-2F5D-42FB-99BB-B7C510669730}"/>
          </ac:spMkLst>
        </pc:spChg>
        <pc:spChg chg="add mod">
          <ac:chgData name="Steve Grigg" userId="8751aa99-eeaf-485f-89a4-df3fadfd694e" providerId="ADAL" clId="{7FB330E0-062E-4B26-915A-DF8AD49200B3}" dt="2021-05-11T05:49:31.126" v="37" actId="20577"/>
          <ac:spMkLst>
            <pc:docMk/>
            <pc:sldMk cId="2659065634" sldId="267"/>
            <ac:spMk id="5" creationId="{539EEC9F-8D1F-4F9D-83DE-BD14C8587EBF}"/>
          </ac:spMkLst>
        </pc:spChg>
        <pc:spChg chg="add mod">
          <ac:chgData name="Steve Grigg" userId="8751aa99-eeaf-485f-89a4-df3fadfd694e" providerId="ADAL" clId="{7FB330E0-062E-4B26-915A-DF8AD49200B3}" dt="2021-05-11T05:54:40.533" v="208" actId="404"/>
          <ac:spMkLst>
            <pc:docMk/>
            <pc:sldMk cId="2659065634" sldId="267"/>
            <ac:spMk id="6" creationId="{02333093-EDF1-466D-A5C4-E3EAF8F078AF}"/>
          </ac:spMkLst>
        </pc:spChg>
        <pc:spChg chg="add mod">
          <ac:chgData name="Steve Grigg" userId="8751aa99-eeaf-485f-89a4-df3fadfd694e" providerId="ADAL" clId="{7FB330E0-062E-4B26-915A-DF8AD49200B3}" dt="2021-05-11T05:53:53.668" v="198" actId="1076"/>
          <ac:spMkLst>
            <pc:docMk/>
            <pc:sldMk cId="2659065634" sldId="267"/>
            <ac:spMk id="8" creationId="{3A5B9886-BA64-4B3A-9835-FCA552A08F02}"/>
          </ac:spMkLst>
        </pc:spChg>
        <pc:spChg chg="add mod">
          <ac:chgData name="Steve Grigg" userId="8751aa99-eeaf-485f-89a4-df3fadfd694e" providerId="ADAL" clId="{7FB330E0-062E-4B26-915A-DF8AD49200B3}" dt="2021-05-11T05:53:50.804" v="197" actId="13822"/>
          <ac:spMkLst>
            <pc:docMk/>
            <pc:sldMk cId="2659065634" sldId="267"/>
            <ac:spMk id="9" creationId="{44C55F01-2993-4644-B15B-72CD51001F77}"/>
          </ac:spMkLst>
        </pc:spChg>
        <pc:spChg chg="add mod">
          <ac:chgData name="Steve Grigg" userId="8751aa99-eeaf-485f-89a4-df3fadfd694e" providerId="ADAL" clId="{7FB330E0-062E-4B26-915A-DF8AD49200B3}" dt="2021-05-11T05:53:45.685" v="195" actId="13822"/>
          <ac:spMkLst>
            <pc:docMk/>
            <pc:sldMk cId="2659065634" sldId="267"/>
            <ac:spMk id="10" creationId="{C5CC95F6-4239-4276-B27C-536A286F97B8}"/>
          </ac:spMkLst>
        </pc:spChg>
        <pc:picChg chg="add del mod">
          <ac:chgData name="Steve Grigg" userId="8751aa99-eeaf-485f-89a4-df3fadfd694e" providerId="ADAL" clId="{7FB330E0-062E-4B26-915A-DF8AD49200B3}" dt="2021-05-11T05:50:59.250" v="174" actId="478"/>
          <ac:picMkLst>
            <pc:docMk/>
            <pc:sldMk cId="2659065634" sldId="267"/>
            <ac:picMk id="1026" creationId="{67310D46-5F12-4C81-B223-53ADB5C3E40C}"/>
          </ac:picMkLst>
        </pc:picChg>
      </pc:sldChg>
      <pc:sldChg chg="addSp delSp modSp new mod">
        <pc:chgData name="Steve Grigg" userId="8751aa99-eeaf-485f-89a4-df3fadfd694e" providerId="ADAL" clId="{7FB330E0-062E-4B26-915A-DF8AD49200B3}" dt="2021-05-11T06:12:58.098" v="1661" actId="1076"/>
        <pc:sldMkLst>
          <pc:docMk/>
          <pc:sldMk cId="1692353821" sldId="268"/>
        </pc:sldMkLst>
        <pc:spChg chg="mod">
          <ac:chgData name="Steve Grigg" userId="8751aa99-eeaf-485f-89a4-df3fadfd694e" providerId="ADAL" clId="{7FB330E0-062E-4B26-915A-DF8AD49200B3}" dt="2021-05-11T05:55:06.628" v="254" actId="20577"/>
          <ac:spMkLst>
            <pc:docMk/>
            <pc:sldMk cId="1692353821" sldId="268"/>
            <ac:spMk id="2" creationId="{1E2A6857-24CF-4460-A94A-C0EB76767885}"/>
          </ac:spMkLst>
        </pc:spChg>
        <pc:spChg chg="del">
          <ac:chgData name="Steve Grigg" userId="8751aa99-eeaf-485f-89a4-df3fadfd694e" providerId="ADAL" clId="{7FB330E0-062E-4B26-915A-DF8AD49200B3}" dt="2021-05-11T05:55:10.149" v="255" actId="478"/>
          <ac:spMkLst>
            <pc:docMk/>
            <pc:sldMk cId="1692353821" sldId="268"/>
            <ac:spMk id="3" creationId="{AEF42970-66FF-4D3A-A1EB-7EFA58343F0F}"/>
          </ac:spMkLst>
        </pc:spChg>
        <pc:spChg chg="add mod">
          <ac:chgData name="Steve Grigg" userId="8751aa99-eeaf-485f-89a4-df3fadfd694e" providerId="ADAL" clId="{7FB330E0-062E-4B26-915A-DF8AD49200B3}" dt="2021-05-11T05:57:06.493" v="480" actId="313"/>
          <ac:spMkLst>
            <pc:docMk/>
            <pc:sldMk cId="1692353821" sldId="268"/>
            <ac:spMk id="4" creationId="{6ECADD19-EBC6-442E-BE44-ADAEFCA33D01}"/>
          </ac:spMkLst>
        </pc:spChg>
        <pc:spChg chg="add mod">
          <ac:chgData name="Steve Grigg" userId="8751aa99-eeaf-485f-89a4-df3fadfd694e" providerId="ADAL" clId="{7FB330E0-062E-4B26-915A-DF8AD49200B3}" dt="2021-05-11T06:10:58.176" v="1643"/>
          <ac:spMkLst>
            <pc:docMk/>
            <pc:sldMk cId="1692353821" sldId="268"/>
            <ac:spMk id="6" creationId="{21C363CF-D743-49C6-8975-2B648A1BE253}"/>
          </ac:spMkLst>
        </pc:spChg>
        <pc:spChg chg="add mod">
          <ac:chgData name="Steve Grigg" userId="8751aa99-eeaf-485f-89a4-df3fadfd694e" providerId="ADAL" clId="{7FB330E0-062E-4B26-915A-DF8AD49200B3}" dt="2021-05-11T06:10:58.176" v="1643"/>
          <ac:spMkLst>
            <pc:docMk/>
            <pc:sldMk cId="1692353821" sldId="268"/>
            <ac:spMk id="7" creationId="{6709CA8F-BFDA-44E9-824B-E557F8B3724D}"/>
          </ac:spMkLst>
        </pc:spChg>
        <pc:spChg chg="add mod">
          <ac:chgData name="Steve Grigg" userId="8751aa99-eeaf-485f-89a4-df3fadfd694e" providerId="ADAL" clId="{7FB330E0-062E-4B26-915A-DF8AD49200B3}" dt="2021-05-11T06:10:58.176" v="1643"/>
          <ac:spMkLst>
            <pc:docMk/>
            <pc:sldMk cId="1692353821" sldId="268"/>
            <ac:spMk id="8" creationId="{9D65244A-88DB-4C71-A49C-069CF898AC67}"/>
          </ac:spMkLst>
        </pc:spChg>
        <pc:spChg chg="add mod">
          <ac:chgData name="Steve Grigg" userId="8751aa99-eeaf-485f-89a4-df3fadfd694e" providerId="ADAL" clId="{7FB330E0-062E-4B26-915A-DF8AD49200B3}" dt="2021-05-11T06:10:58.176" v="1643"/>
          <ac:spMkLst>
            <pc:docMk/>
            <pc:sldMk cId="1692353821" sldId="268"/>
            <ac:spMk id="9" creationId="{A115D854-A08E-454B-9920-5776091B0C77}"/>
          </ac:spMkLst>
        </pc:spChg>
        <pc:spChg chg="add mod">
          <ac:chgData name="Steve Grigg" userId="8751aa99-eeaf-485f-89a4-df3fadfd694e" providerId="ADAL" clId="{7FB330E0-062E-4B26-915A-DF8AD49200B3}" dt="2021-05-11T06:10:58.176" v="1643"/>
          <ac:spMkLst>
            <pc:docMk/>
            <pc:sldMk cId="1692353821" sldId="268"/>
            <ac:spMk id="10" creationId="{32D17D26-7F1F-4D2F-B268-8EDB5B5ABC30}"/>
          </ac:spMkLst>
        </pc:spChg>
        <pc:spChg chg="add mod">
          <ac:chgData name="Steve Grigg" userId="8751aa99-eeaf-485f-89a4-df3fadfd694e" providerId="ADAL" clId="{7FB330E0-062E-4B26-915A-DF8AD49200B3}" dt="2021-05-11T06:10:58.176" v="1643"/>
          <ac:spMkLst>
            <pc:docMk/>
            <pc:sldMk cId="1692353821" sldId="268"/>
            <ac:spMk id="11" creationId="{F9D7188B-681A-4497-822C-04449B209A95}"/>
          </ac:spMkLst>
        </pc:spChg>
        <pc:spChg chg="add mod">
          <ac:chgData name="Steve Grigg" userId="8751aa99-eeaf-485f-89a4-df3fadfd694e" providerId="ADAL" clId="{7FB330E0-062E-4B26-915A-DF8AD49200B3}" dt="2021-05-11T06:10:58.176" v="1643"/>
          <ac:spMkLst>
            <pc:docMk/>
            <pc:sldMk cId="1692353821" sldId="268"/>
            <ac:spMk id="12" creationId="{243969C5-3FB8-4280-A0EC-CBAD28FAD649}"/>
          </ac:spMkLst>
        </pc:spChg>
        <pc:spChg chg="add mod">
          <ac:chgData name="Steve Grigg" userId="8751aa99-eeaf-485f-89a4-df3fadfd694e" providerId="ADAL" clId="{7FB330E0-062E-4B26-915A-DF8AD49200B3}" dt="2021-05-11T06:10:58.176" v="1643"/>
          <ac:spMkLst>
            <pc:docMk/>
            <pc:sldMk cId="1692353821" sldId="268"/>
            <ac:spMk id="13" creationId="{0BBA2B27-F1D2-4D77-82A0-EF562E8CE446}"/>
          </ac:spMkLst>
        </pc:spChg>
        <pc:spChg chg="add mod">
          <ac:chgData name="Steve Grigg" userId="8751aa99-eeaf-485f-89a4-df3fadfd694e" providerId="ADAL" clId="{7FB330E0-062E-4B26-915A-DF8AD49200B3}" dt="2021-05-11T06:12:58.098" v="1661" actId="1076"/>
          <ac:spMkLst>
            <pc:docMk/>
            <pc:sldMk cId="1692353821" sldId="268"/>
            <ac:spMk id="14" creationId="{4BE70F91-02CF-41EF-BD2C-F6B193519D63}"/>
          </ac:spMkLst>
        </pc:spChg>
        <pc:spChg chg="add mod">
          <ac:chgData name="Steve Grigg" userId="8751aa99-eeaf-485f-89a4-df3fadfd694e" providerId="ADAL" clId="{7FB330E0-062E-4B26-915A-DF8AD49200B3}" dt="2021-05-11T06:12:58.098" v="1661" actId="1076"/>
          <ac:spMkLst>
            <pc:docMk/>
            <pc:sldMk cId="1692353821" sldId="268"/>
            <ac:spMk id="15" creationId="{ECD4A49C-6CBD-4F91-938A-02FA8AE20ECD}"/>
          </ac:spMkLst>
        </pc:spChg>
        <pc:spChg chg="add mod">
          <ac:chgData name="Steve Grigg" userId="8751aa99-eeaf-485f-89a4-df3fadfd694e" providerId="ADAL" clId="{7FB330E0-062E-4B26-915A-DF8AD49200B3}" dt="2021-05-11T06:12:58.098" v="1661" actId="1076"/>
          <ac:spMkLst>
            <pc:docMk/>
            <pc:sldMk cId="1692353821" sldId="268"/>
            <ac:spMk id="16" creationId="{B5F7D6E5-F147-4DC8-95A0-C5FF46C827F3}"/>
          </ac:spMkLst>
        </pc:spChg>
        <pc:spChg chg="add mod">
          <ac:chgData name="Steve Grigg" userId="8751aa99-eeaf-485f-89a4-df3fadfd694e" providerId="ADAL" clId="{7FB330E0-062E-4B26-915A-DF8AD49200B3}" dt="2021-05-11T06:12:58.098" v="1661" actId="1076"/>
          <ac:spMkLst>
            <pc:docMk/>
            <pc:sldMk cId="1692353821" sldId="268"/>
            <ac:spMk id="17" creationId="{6A91EA80-3EF0-4AEE-B514-45B34526D00D}"/>
          </ac:spMkLst>
        </pc:spChg>
        <pc:spChg chg="add mod">
          <ac:chgData name="Steve Grigg" userId="8751aa99-eeaf-485f-89a4-df3fadfd694e" providerId="ADAL" clId="{7FB330E0-062E-4B26-915A-DF8AD49200B3}" dt="2021-05-11T06:12:58.098" v="1661" actId="1076"/>
          <ac:spMkLst>
            <pc:docMk/>
            <pc:sldMk cId="1692353821" sldId="268"/>
            <ac:spMk id="18" creationId="{BF55B585-6026-468C-B14D-C31BEA80797A}"/>
          </ac:spMkLst>
        </pc:spChg>
        <pc:spChg chg="add mod">
          <ac:chgData name="Steve Grigg" userId="8751aa99-eeaf-485f-89a4-df3fadfd694e" providerId="ADAL" clId="{7FB330E0-062E-4B26-915A-DF8AD49200B3}" dt="2021-05-11T06:12:58.098" v="1661" actId="1076"/>
          <ac:spMkLst>
            <pc:docMk/>
            <pc:sldMk cId="1692353821" sldId="268"/>
            <ac:spMk id="19" creationId="{1C083838-497B-4A0D-B969-1790E90AC8ED}"/>
          </ac:spMkLst>
        </pc:spChg>
        <pc:spChg chg="add mod">
          <ac:chgData name="Steve Grigg" userId="8751aa99-eeaf-485f-89a4-df3fadfd694e" providerId="ADAL" clId="{7FB330E0-062E-4B26-915A-DF8AD49200B3}" dt="2021-05-11T06:12:58.098" v="1661" actId="1076"/>
          <ac:spMkLst>
            <pc:docMk/>
            <pc:sldMk cId="1692353821" sldId="268"/>
            <ac:spMk id="20" creationId="{58678563-AFF1-4B23-97CE-D5412738F137}"/>
          </ac:spMkLst>
        </pc:spChg>
        <pc:picChg chg="add mod">
          <ac:chgData name="Steve Grigg" userId="8751aa99-eeaf-485f-89a4-df3fadfd694e" providerId="ADAL" clId="{7FB330E0-062E-4B26-915A-DF8AD49200B3}" dt="2021-05-11T06:11:53.946" v="1647" actId="1076"/>
          <ac:picMkLst>
            <pc:docMk/>
            <pc:sldMk cId="1692353821" sldId="268"/>
            <ac:picMk id="2050" creationId="{D5FA313A-3AEC-4D8E-BA32-592196743F34}"/>
          </ac:picMkLst>
        </pc:picChg>
      </pc:sldChg>
      <pc:sldChg chg="addSp delSp modSp new mod">
        <pc:chgData name="Steve Grigg" userId="8751aa99-eeaf-485f-89a4-df3fadfd694e" providerId="ADAL" clId="{7FB330E0-062E-4B26-915A-DF8AD49200B3}" dt="2021-05-11T05:59:20.963" v="773" actId="20577"/>
        <pc:sldMkLst>
          <pc:docMk/>
          <pc:sldMk cId="3858111030" sldId="269"/>
        </pc:sldMkLst>
        <pc:spChg chg="mod">
          <ac:chgData name="Steve Grigg" userId="8751aa99-eeaf-485f-89a4-df3fadfd694e" providerId="ADAL" clId="{7FB330E0-062E-4B26-915A-DF8AD49200B3}" dt="2021-05-11T05:57:21.506" v="504" actId="20577"/>
          <ac:spMkLst>
            <pc:docMk/>
            <pc:sldMk cId="3858111030" sldId="269"/>
            <ac:spMk id="2" creationId="{50336FC4-8351-44BE-8B65-254E9CD35E6F}"/>
          </ac:spMkLst>
        </pc:spChg>
        <pc:spChg chg="del">
          <ac:chgData name="Steve Grigg" userId="8751aa99-eeaf-485f-89a4-df3fadfd694e" providerId="ADAL" clId="{7FB330E0-062E-4B26-915A-DF8AD49200B3}" dt="2021-05-11T05:58:52.069" v="725" actId="478"/>
          <ac:spMkLst>
            <pc:docMk/>
            <pc:sldMk cId="3858111030" sldId="269"/>
            <ac:spMk id="3" creationId="{B0BDB523-299C-4D38-922B-FD123D8E0EC1}"/>
          </ac:spMkLst>
        </pc:spChg>
        <pc:spChg chg="add mod">
          <ac:chgData name="Steve Grigg" userId="8751aa99-eeaf-485f-89a4-df3fadfd694e" providerId="ADAL" clId="{7FB330E0-062E-4B26-915A-DF8AD49200B3}" dt="2021-05-11T05:59:20.963" v="773" actId="20577"/>
          <ac:spMkLst>
            <pc:docMk/>
            <pc:sldMk cId="3858111030" sldId="269"/>
            <ac:spMk id="4" creationId="{9862CF1F-BF65-4CE1-8DD6-F17CF733A07A}"/>
          </ac:spMkLst>
        </pc:spChg>
        <pc:picChg chg="add mod">
          <ac:chgData name="Steve Grigg" userId="8751aa99-eeaf-485f-89a4-df3fadfd694e" providerId="ADAL" clId="{7FB330E0-062E-4B26-915A-DF8AD49200B3}" dt="2021-05-11T05:58:55.986" v="727" actId="1076"/>
          <ac:picMkLst>
            <pc:docMk/>
            <pc:sldMk cId="3858111030" sldId="269"/>
            <ac:picMk id="3074" creationId="{CA5B2200-C569-4070-A136-711CD2F4EE33}"/>
          </ac:picMkLst>
        </pc:picChg>
      </pc:sldChg>
      <pc:sldChg chg="addSp delSp modSp new mod">
        <pc:chgData name="Steve Grigg" userId="8751aa99-eeaf-485f-89a4-df3fadfd694e" providerId="ADAL" clId="{7FB330E0-062E-4B26-915A-DF8AD49200B3}" dt="2021-05-11T06:09:56.610" v="1639" actId="1076"/>
        <pc:sldMkLst>
          <pc:docMk/>
          <pc:sldMk cId="1386757504" sldId="270"/>
        </pc:sldMkLst>
        <pc:spChg chg="mod">
          <ac:chgData name="Steve Grigg" userId="8751aa99-eeaf-485f-89a4-df3fadfd694e" providerId="ADAL" clId="{7FB330E0-062E-4B26-915A-DF8AD49200B3}" dt="2021-05-11T05:59:53.189" v="808" actId="20577"/>
          <ac:spMkLst>
            <pc:docMk/>
            <pc:sldMk cId="1386757504" sldId="270"/>
            <ac:spMk id="2" creationId="{C3CB5598-A2EE-48EB-8307-D07FA80E7C22}"/>
          </ac:spMkLst>
        </pc:spChg>
        <pc:spChg chg="del">
          <ac:chgData name="Steve Grigg" userId="8751aa99-eeaf-485f-89a4-df3fadfd694e" providerId="ADAL" clId="{7FB330E0-062E-4B26-915A-DF8AD49200B3}" dt="2021-05-11T05:59:55.122" v="809" actId="478"/>
          <ac:spMkLst>
            <pc:docMk/>
            <pc:sldMk cId="1386757504" sldId="270"/>
            <ac:spMk id="3" creationId="{CF1F9890-A553-4CF1-B2F9-99DE44BD3F5A}"/>
          </ac:spMkLst>
        </pc:spChg>
        <pc:spChg chg="add mod">
          <ac:chgData name="Steve Grigg" userId="8751aa99-eeaf-485f-89a4-df3fadfd694e" providerId="ADAL" clId="{7FB330E0-062E-4B26-915A-DF8AD49200B3}" dt="2021-05-11T06:04:57.805" v="1239" actId="113"/>
          <ac:spMkLst>
            <pc:docMk/>
            <pc:sldMk cId="1386757504" sldId="270"/>
            <ac:spMk id="4" creationId="{ABF0F244-EE56-4FD9-BD73-A8C591C230BE}"/>
          </ac:spMkLst>
        </pc:spChg>
        <pc:spChg chg="add mod">
          <ac:chgData name="Steve Grigg" userId="8751aa99-eeaf-485f-89a4-df3fadfd694e" providerId="ADAL" clId="{7FB330E0-062E-4B26-915A-DF8AD49200B3}" dt="2021-05-11T06:05:00.556" v="1240" actId="113"/>
          <ac:spMkLst>
            <pc:docMk/>
            <pc:sldMk cId="1386757504" sldId="270"/>
            <ac:spMk id="6" creationId="{B2C9FCAE-A2C2-4FF5-938D-880B16606A6D}"/>
          </ac:spMkLst>
        </pc:spChg>
        <pc:spChg chg="add mod">
          <ac:chgData name="Steve Grigg" userId="8751aa99-eeaf-485f-89a4-df3fadfd694e" providerId="ADAL" clId="{7FB330E0-062E-4B26-915A-DF8AD49200B3}" dt="2021-05-11T06:06:43.220" v="1384" actId="1076"/>
          <ac:spMkLst>
            <pc:docMk/>
            <pc:sldMk cId="1386757504" sldId="270"/>
            <ac:spMk id="10" creationId="{D449710E-C78D-4FE5-BB49-A323EF749FC9}"/>
          </ac:spMkLst>
        </pc:spChg>
        <pc:spChg chg="add mod">
          <ac:chgData name="Steve Grigg" userId="8751aa99-eeaf-485f-89a4-df3fadfd694e" providerId="ADAL" clId="{7FB330E0-062E-4B26-915A-DF8AD49200B3}" dt="2021-05-11T06:08:45.668" v="1630" actId="20577"/>
          <ac:spMkLst>
            <pc:docMk/>
            <pc:sldMk cId="1386757504" sldId="270"/>
            <ac:spMk id="12" creationId="{26B3DAD1-70C3-457C-B7EC-E6462493103C}"/>
          </ac:spMkLst>
        </pc:spChg>
        <pc:picChg chg="add mod">
          <ac:chgData name="Steve Grigg" userId="8751aa99-eeaf-485f-89a4-df3fadfd694e" providerId="ADAL" clId="{7FB330E0-062E-4B26-915A-DF8AD49200B3}" dt="2021-05-11T06:04:47.725" v="1238" actId="1076"/>
          <ac:picMkLst>
            <pc:docMk/>
            <pc:sldMk cId="1386757504" sldId="270"/>
            <ac:picMk id="5" creationId="{A5212B8E-1E62-4835-AD88-B331EAD58970}"/>
          </ac:picMkLst>
        </pc:picChg>
        <pc:picChg chg="add mod">
          <ac:chgData name="Steve Grigg" userId="8751aa99-eeaf-485f-89a4-df3fadfd694e" providerId="ADAL" clId="{7FB330E0-062E-4B26-915A-DF8AD49200B3}" dt="2021-05-11T06:06:43.220" v="1384" actId="1076"/>
          <ac:picMkLst>
            <pc:docMk/>
            <pc:sldMk cId="1386757504" sldId="270"/>
            <ac:picMk id="7" creationId="{A39F51F5-FF6D-4965-B2BA-D4079BE5D03A}"/>
          </ac:picMkLst>
        </pc:picChg>
        <pc:picChg chg="add mod">
          <ac:chgData name="Steve Grigg" userId="8751aa99-eeaf-485f-89a4-df3fadfd694e" providerId="ADAL" clId="{7FB330E0-062E-4B26-915A-DF8AD49200B3}" dt="2021-05-11T06:09:56.610" v="1639" actId="1076"/>
          <ac:picMkLst>
            <pc:docMk/>
            <pc:sldMk cId="1386757504" sldId="270"/>
            <ac:picMk id="8" creationId="{2F7E9C92-64CA-435C-820D-54ADEF7A8942}"/>
          </ac:picMkLst>
        </pc:picChg>
        <pc:picChg chg="add mod">
          <ac:chgData name="Steve Grigg" userId="8751aa99-eeaf-485f-89a4-df3fadfd694e" providerId="ADAL" clId="{7FB330E0-062E-4B26-915A-DF8AD49200B3}" dt="2021-05-11T06:01:53.642" v="1038" actId="1076"/>
          <ac:picMkLst>
            <pc:docMk/>
            <pc:sldMk cId="1386757504" sldId="270"/>
            <ac:picMk id="4098" creationId="{0DE54844-DBD5-4FCD-869D-0D302DF29FB5}"/>
          </ac:picMkLst>
        </pc:picChg>
        <pc:picChg chg="add del">
          <ac:chgData name="Steve Grigg" userId="8751aa99-eeaf-485f-89a4-df3fadfd694e" providerId="ADAL" clId="{7FB330E0-062E-4B26-915A-DF8AD49200B3}" dt="2021-05-11T06:04:13.039" v="1224" actId="478"/>
          <ac:picMkLst>
            <pc:docMk/>
            <pc:sldMk cId="1386757504" sldId="270"/>
            <ac:picMk id="4100" creationId="{75BD1992-6A18-42B7-BE7C-04EBF52AD248}"/>
          </ac:picMkLst>
        </pc:picChg>
        <pc:picChg chg="add mod">
          <ac:chgData name="Steve Grigg" userId="8751aa99-eeaf-485f-89a4-df3fadfd694e" providerId="ADAL" clId="{7FB330E0-062E-4B26-915A-DF8AD49200B3}" dt="2021-05-11T06:04:47.725" v="1238" actId="1076"/>
          <ac:picMkLst>
            <pc:docMk/>
            <pc:sldMk cId="1386757504" sldId="270"/>
            <ac:picMk id="4102" creationId="{BD918D06-532F-4F49-AF97-EC8366F9CA6B}"/>
          </ac:picMkLst>
        </pc:picChg>
        <pc:picChg chg="add mod">
          <ac:chgData name="Steve Grigg" userId="8751aa99-eeaf-485f-89a4-df3fadfd694e" providerId="ADAL" clId="{7FB330E0-062E-4B26-915A-DF8AD49200B3}" dt="2021-05-11T06:09:26.537" v="1636" actId="1076"/>
          <ac:picMkLst>
            <pc:docMk/>
            <pc:sldMk cId="1386757504" sldId="270"/>
            <ac:picMk id="4104" creationId="{38828DBB-E650-4334-AE56-38305D278335}"/>
          </ac:picMkLst>
        </pc:picChg>
      </pc:sldChg>
      <pc:sldChg chg="addSp delSp modSp new mod">
        <pc:chgData name="Steve Grigg" userId="8751aa99-eeaf-485f-89a4-df3fadfd694e" providerId="ADAL" clId="{7FB330E0-062E-4B26-915A-DF8AD49200B3}" dt="2021-05-11T06:22:12.289" v="2201" actId="20577"/>
        <pc:sldMkLst>
          <pc:docMk/>
          <pc:sldMk cId="4244031885" sldId="271"/>
        </pc:sldMkLst>
        <pc:spChg chg="mod">
          <ac:chgData name="Steve Grigg" userId="8751aa99-eeaf-485f-89a4-df3fadfd694e" providerId="ADAL" clId="{7FB330E0-062E-4B26-915A-DF8AD49200B3}" dt="2021-05-11T06:22:12.289" v="2201" actId="20577"/>
          <ac:spMkLst>
            <pc:docMk/>
            <pc:sldMk cId="4244031885" sldId="271"/>
            <ac:spMk id="2" creationId="{F67F0DCC-28E5-4372-AC62-1C9FBA8F769C}"/>
          </ac:spMkLst>
        </pc:spChg>
        <pc:spChg chg="del">
          <ac:chgData name="Steve Grigg" userId="8751aa99-eeaf-485f-89a4-df3fadfd694e" providerId="ADAL" clId="{7FB330E0-062E-4B26-915A-DF8AD49200B3}" dt="2021-05-11T06:17:28.578" v="1798" actId="478"/>
          <ac:spMkLst>
            <pc:docMk/>
            <pc:sldMk cId="4244031885" sldId="271"/>
            <ac:spMk id="3" creationId="{FDD3BA97-3913-47D1-A702-AA3E286DEDBB}"/>
          </ac:spMkLst>
        </pc:spChg>
        <pc:spChg chg="add mod">
          <ac:chgData name="Steve Grigg" userId="8751aa99-eeaf-485f-89a4-df3fadfd694e" providerId="ADAL" clId="{7FB330E0-062E-4B26-915A-DF8AD49200B3}" dt="2021-05-11T06:20:09.433" v="2140" actId="1076"/>
          <ac:spMkLst>
            <pc:docMk/>
            <pc:sldMk cId="4244031885" sldId="271"/>
            <ac:spMk id="4" creationId="{28F5DF24-D474-471C-A333-9D8632B665BD}"/>
          </ac:spMkLst>
        </pc:spChg>
        <pc:spChg chg="add mod">
          <ac:chgData name="Steve Grigg" userId="8751aa99-eeaf-485f-89a4-df3fadfd694e" providerId="ADAL" clId="{7FB330E0-062E-4B26-915A-DF8AD49200B3}" dt="2021-05-11T06:20:09.433" v="2140" actId="1076"/>
          <ac:spMkLst>
            <pc:docMk/>
            <pc:sldMk cId="4244031885" sldId="271"/>
            <ac:spMk id="5" creationId="{B7D6534A-8252-4959-A59B-386694D6FD93}"/>
          </ac:spMkLst>
        </pc:spChg>
        <pc:spChg chg="add mod">
          <ac:chgData name="Steve Grigg" userId="8751aa99-eeaf-485f-89a4-df3fadfd694e" providerId="ADAL" clId="{7FB330E0-062E-4B26-915A-DF8AD49200B3}" dt="2021-05-11T06:17:26.026" v="1797" actId="207"/>
          <ac:spMkLst>
            <pc:docMk/>
            <pc:sldMk cId="4244031885" sldId="271"/>
            <ac:spMk id="6" creationId="{FB3774A8-F4F4-410E-988F-22C86F0A9228}"/>
          </ac:spMkLst>
        </pc:spChg>
        <pc:spChg chg="add mod">
          <ac:chgData name="Steve Grigg" userId="8751aa99-eeaf-485f-89a4-df3fadfd694e" providerId="ADAL" clId="{7FB330E0-062E-4B26-915A-DF8AD49200B3}" dt="2021-05-11T06:20:09.433" v="2140" actId="1076"/>
          <ac:spMkLst>
            <pc:docMk/>
            <pc:sldMk cId="4244031885" sldId="271"/>
            <ac:spMk id="7" creationId="{289FC86F-6183-4670-B8AC-9AE69EE5189B}"/>
          </ac:spMkLst>
        </pc:spChg>
        <pc:spChg chg="add mod">
          <ac:chgData name="Steve Grigg" userId="8751aa99-eeaf-485f-89a4-df3fadfd694e" providerId="ADAL" clId="{7FB330E0-062E-4B26-915A-DF8AD49200B3}" dt="2021-05-11T06:20:09.433" v="2140" actId="1076"/>
          <ac:spMkLst>
            <pc:docMk/>
            <pc:sldMk cId="4244031885" sldId="271"/>
            <ac:spMk id="8" creationId="{575595C4-2541-4103-A4C3-2BCC85BB5926}"/>
          </ac:spMkLst>
        </pc:spChg>
        <pc:spChg chg="add mod">
          <ac:chgData name="Steve Grigg" userId="8751aa99-eeaf-485f-89a4-df3fadfd694e" providerId="ADAL" clId="{7FB330E0-062E-4B26-915A-DF8AD49200B3}" dt="2021-05-11T06:20:33.247" v="2154" actId="1076"/>
          <ac:spMkLst>
            <pc:docMk/>
            <pc:sldMk cId="4244031885" sldId="271"/>
            <ac:spMk id="9" creationId="{57C25139-1C57-47B1-8DF7-03FBFFAFEB83}"/>
          </ac:spMkLst>
        </pc:spChg>
        <pc:spChg chg="add mod">
          <ac:chgData name="Steve Grigg" userId="8751aa99-eeaf-485f-89a4-df3fadfd694e" providerId="ADAL" clId="{7FB330E0-062E-4B26-915A-DF8AD49200B3}" dt="2021-05-11T06:20:41.569" v="2162" actId="20577"/>
          <ac:spMkLst>
            <pc:docMk/>
            <pc:sldMk cId="4244031885" sldId="271"/>
            <ac:spMk id="10" creationId="{78A80100-D85E-4837-9F91-06821DAFF935}"/>
          </ac:spMkLst>
        </pc:spChg>
        <pc:spChg chg="add mod">
          <ac:chgData name="Steve Grigg" userId="8751aa99-eeaf-485f-89a4-df3fadfd694e" providerId="ADAL" clId="{7FB330E0-062E-4B26-915A-DF8AD49200B3}" dt="2021-05-11T06:20:52.113" v="2175" actId="20577"/>
          <ac:spMkLst>
            <pc:docMk/>
            <pc:sldMk cId="4244031885" sldId="271"/>
            <ac:spMk id="11" creationId="{671C5F7F-76AE-4587-A3B9-1E5ADE2EC5EE}"/>
          </ac:spMkLst>
        </pc:spChg>
      </pc:sldChg>
      <pc:sldChg chg="modSp new mod">
        <pc:chgData name="Steve Grigg" userId="8751aa99-eeaf-485f-89a4-df3fadfd694e" providerId="ADAL" clId="{7FB330E0-062E-4B26-915A-DF8AD49200B3}" dt="2021-05-11T06:23:57.091" v="2227" actId="20577"/>
        <pc:sldMkLst>
          <pc:docMk/>
          <pc:sldMk cId="187998951" sldId="272"/>
        </pc:sldMkLst>
        <pc:spChg chg="mod">
          <ac:chgData name="Steve Grigg" userId="8751aa99-eeaf-485f-89a4-df3fadfd694e" providerId="ADAL" clId="{7FB330E0-062E-4B26-915A-DF8AD49200B3}" dt="2021-05-11T06:22:41.745" v="2220" actId="20577"/>
          <ac:spMkLst>
            <pc:docMk/>
            <pc:sldMk cId="187998951" sldId="272"/>
            <ac:spMk id="2" creationId="{376D31CF-40C4-47D5-AF53-2F4E46F38CEF}"/>
          </ac:spMkLst>
        </pc:spChg>
        <pc:spChg chg="mod">
          <ac:chgData name="Steve Grigg" userId="8751aa99-eeaf-485f-89a4-df3fadfd694e" providerId="ADAL" clId="{7FB330E0-062E-4B26-915A-DF8AD49200B3}" dt="2021-05-11T06:23:57.091" v="2227" actId="20577"/>
          <ac:spMkLst>
            <pc:docMk/>
            <pc:sldMk cId="187998951" sldId="272"/>
            <ac:spMk id="3" creationId="{5473D841-9C54-4FAE-9CE5-667BCD2E4099}"/>
          </ac:spMkLst>
        </pc:spChg>
      </pc:sldChg>
      <pc:sldChg chg="addSp modSp add mod">
        <pc:chgData name="Steve Grigg" userId="8751aa99-eeaf-485f-89a4-df3fadfd694e" providerId="ADAL" clId="{7FB330E0-062E-4B26-915A-DF8AD49200B3}" dt="2021-05-11T06:50:41.819" v="2727" actId="113"/>
        <pc:sldMkLst>
          <pc:docMk/>
          <pc:sldMk cId="931572032" sldId="273"/>
        </pc:sldMkLst>
        <pc:spChg chg="mod">
          <ac:chgData name="Steve Grigg" userId="8751aa99-eeaf-485f-89a4-df3fadfd694e" providerId="ADAL" clId="{7FB330E0-062E-4B26-915A-DF8AD49200B3}" dt="2021-05-11T06:24:04.800" v="2234" actId="20577"/>
          <ac:spMkLst>
            <pc:docMk/>
            <pc:sldMk cId="931572032" sldId="273"/>
            <ac:spMk id="3" creationId="{5473D841-9C54-4FAE-9CE5-667BCD2E4099}"/>
          </ac:spMkLst>
        </pc:spChg>
        <pc:spChg chg="add mod">
          <ac:chgData name="Steve Grigg" userId="8751aa99-eeaf-485f-89a4-df3fadfd694e" providerId="ADAL" clId="{7FB330E0-062E-4B26-915A-DF8AD49200B3}" dt="2021-05-11T06:50:41.819" v="2727" actId="113"/>
          <ac:spMkLst>
            <pc:docMk/>
            <pc:sldMk cId="931572032" sldId="273"/>
            <ac:spMk id="5" creationId="{761926B9-5ADE-4B9D-A3E4-5926A4BB1B93}"/>
          </ac:spMkLst>
        </pc:spChg>
        <pc:picChg chg="add mod">
          <ac:chgData name="Steve Grigg" userId="8751aa99-eeaf-485f-89a4-df3fadfd694e" providerId="ADAL" clId="{7FB330E0-062E-4B26-915A-DF8AD49200B3}" dt="2021-05-11T06:48:55.800" v="2709" actId="1076"/>
          <ac:picMkLst>
            <pc:docMk/>
            <pc:sldMk cId="931572032" sldId="273"/>
            <ac:picMk id="4" creationId="{88145C63-1F2D-445F-B553-72AA2556047C}"/>
          </ac:picMkLst>
        </pc:picChg>
      </pc:sldChg>
      <pc:sldChg chg="addSp modSp add mod">
        <pc:chgData name="Steve Grigg" userId="8751aa99-eeaf-485f-89a4-df3fadfd694e" providerId="ADAL" clId="{7FB330E0-062E-4B26-915A-DF8AD49200B3}" dt="2021-05-11T06:50:52.299" v="2738" actId="20577"/>
        <pc:sldMkLst>
          <pc:docMk/>
          <pc:sldMk cId="2948405071" sldId="274"/>
        </pc:sldMkLst>
        <pc:spChg chg="mod">
          <ac:chgData name="Steve Grigg" userId="8751aa99-eeaf-485f-89a4-df3fadfd694e" providerId="ADAL" clId="{7FB330E0-062E-4B26-915A-DF8AD49200B3}" dt="2021-05-11T06:24:12.193" v="2246" actId="20577"/>
          <ac:spMkLst>
            <pc:docMk/>
            <pc:sldMk cId="2948405071" sldId="274"/>
            <ac:spMk id="3" creationId="{5473D841-9C54-4FAE-9CE5-667BCD2E4099}"/>
          </ac:spMkLst>
        </pc:spChg>
        <pc:spChg chg="add mod">
          <ac:chgData name="Steve Grigg" userId="8751aa99-eeaf-485f-89a4-df3fadfd694e" providerId="ADAL" clId="{7FB330E0-062E-4B26-915A-DF8AD49200B3}" dt="2021-05-11T06:50:52.299" v="2738" actId="20577"/>
          <ac:spMkLst>
            <pc:docMk/>
            <pc:sldMk cId="2948405071" sldId="274"/>
            <ac:spMk id="4" creationId="{97BBDDF1-71DC-4F89-A32B-B8DF95987EC0}"/>
          </ac:spMkLst>
        </pc:spChg>
      </pc:sldChg>
      <pc:sldChg chg="new del">
        <pc:chgData name="Steve Grigg" userId="8751aa99-eeaf-485f-89a4-df3fadfd694e" providerId="ADAL" clId="{7FB330E0-062E-4B26-915A-DF8AD49200B3}" dt="2021-05-11T06:24:20.206" v="2248" actId="47"/>
        <pc:sldMkLst>
          <pc:docMk/>
          <pc:sldMk cId="1723929868" sldId="275"/>
        </pc:sldMkLst>
      </pc:sldChg>
      <pc:sldChg chg="modSp add mod">
        <pc:chgData name="Steve Grigg" userId="8751aa99-eeaf-485f-89a4-df3fadfd694e" providerId="ADAL" clId="{7FB330E0-062E-4B26-915A-DF8AD49200B3}" dt="2021-05-11T06:24:35.424" v="2285" actId="20577"/>
        <pc:sldMkLst>
          <pc:docMk/>
          <pc:sldMk cId="3592796211" sldId="275"/>
        </pc:sldMkLst>
        <pc:spChg chg="mod">
          <ac:chgData name="Steve Grigg" userId="8751aa99-eeaf-485f-89a4-df3fadfd694e" providerId="ADAL" clId="{7FB330E0-062E-4B26-915A-DF8AD49200B3}" dt="2021-05-11T06:24:35.424" v="2285" actId="20577"/>
          <ac:spMkLst>
            <pc:docMk/>
            <pc:sldMk cId="3592796211" sldId="275"/>
            <ac:spMk id="3" creationId="{5473D841-9C54-4FAE-9CE5-667BCD2E4099}"/>
          </ac:spMkLst>
        </pc:spChg>
      </pc:sldChg>
      <pc:sldChg chg="addSp delSp modSp new mod">
        <pc:chgData name="Steve Grigg" userId="8751aa99-eeaf-485f-89a4-df3fadfd694e" providerId="ADAL" clId="{7FB330E0-062E-4B26-915A-DF8AD49200B3}" dt="2021-05-11T06:54:17.479" v="3059" actId="1076"/>
        <pc:sldMkLst>
          <pc:docMk/>
          <pc:sldMk cId="3169617198" sldId="276"/>
        </pc:sldMkLst>
        <pc:spChg chg="del">
          <ac:chgData name="Steve Grigg" userId="8751aa99-eeaf-485f-89a4-df3fadfd694e" providerId="ADAL" clId="{7FB330E0-062E-4B26-915A-DF8AD49200B3}" dt="2021-05-11T06:29:17.307" v="2287"/>
          <ac:spMkLst>
            <pc:docMk/>
            <pc:sldMk cId="3169617198" sldId="276"/>
            <ac:spMk id="2" creationId="{F0262E92-57C9-44A8-9043-BD7F5D70EFF1}"/>
          </ac:spMkLst>
        </pc:spChg>
        <pc:spChg chg="del">
          <ac:chgData name="Steve Grigg" userId="8751aa99-eeaf-485f-89a4-df3fadfd694e" providerId="ADAL" clId="{7FB330E0-062E-4B26-915A-DF8AD49200B3}" dt="2021-05-11T06:29:17.307" v="2287"/>
          <ac:spMkLst>
            <pc:docMk/>
            <pc:sldMk cId="3169617198" sldId="276"/>
            <ac:spMk id="3" creationId="{40B0A6C2-9CF6-451B-AD0E-54CBF7EBD453}"/>
          </ac:spMkLst>
        </pc:spChg>
        <pc:spChg chg="add del mod">
          <ac:chgData name="Steve Grigg" userId="8751aa99-eeaf-485f-89a4-df3fadfd694e" providerId="ADAL" clId="{7FB330E0-062E-4B26-915A-DF8AD49200B3}" dt="2021-05-11T06:29:24.273" v="2288"/>
          <ac:spMkLst>
            <pc:docMk/>
            <pc:sldMk cId="3169617198" sldId="276"/>
            <ac:spMk id="4" creationId="{51C99C60-8318-4C13-83FE-02CF2B6B34F3}"/>
          </ac:spMkLst>
        </pc:spChg>
        <pc:spChg chg="add del mod">
          <ac:chgData name="Steve Grigg" userId="8751aa99-eeaf-485f-89a4-df3fadfd694e" providerId="ADAL" clId="{7FB330E0-062E-4B26-915A-DF8AD49200B3}" dt="2021-05-11T06:29:24.273" v="2288"/>
          <ac:spMkLst>
            <pc:docMk/>
            <pc:sldMk cId="3169617198" sldId="276"/>
            <ac:spMk id="5" creationId="{9814CC1A-43B7-4A49-A4F2-927C0665A8DE}"/>
          </ac:spMkLst>
        </pc:spChg>
        <pc:spChg chg="add del mod">
          <ac:chgData name="Steve Grigg" userId="8751aa99-eeaf-485f-89a4-df3fadfd694e" providerId="ADAL" clId="{7FB330E0-062E-4B26-915A-DF8AD49200B3}" dt="2021-05-11T06:29:24.273" v="2288"/>
          <ac:spMkLst>
            <pc:docMk/>
            <pc:sldMk cId="3169617198" sldId="276"/>
            <ac:spMk id="6" creationId="{B9268E45-19C2-4384-82DA-E6ED694FB9D9}"/>
          </ac:spMkLst>
        </pc:spChg>
        <pc:spChg chg="add mod">
          <ac:chgData name="Steve Grigg" userId="8751aa99-eeaf-485f-89a4-df3fadfd694e" providerId="ADAL" clId="{7FB330E0-062E-4B26-915A-DF8AD49200B3}" dt="2021-05-11T06:35:54.814" v="2337" actId="1076"/>
          <ac:spMkLst>
            <pc:docMk/>
            <pc:sldMk cId="3169617198" sldId="276"/>
            <ac:spMk id="7" creationId="{63660FF8-0A68-4215-BD16-6B341EE5CB5D}"/>
          </ac:spMkLst>
        </pc:spChg>
        <pc:spChg chg="add del mod">
          <ac:chgData name="Steve Grigg" userId="8751aa99-eeaf-485f-89a4-df3fadfd694e" providerId="ADAL" clId="{7FB330E0-062E-4B26-915A-DF8AD49200B3}" dt="2021-05-11T06:29:34.486" v="2305" actId="478"/>
          <ac:spMkLst>
            <pc:docMk/>
            <pc:sldMk cId="3169617198" sldId="276"/>
            <ac:spMk id="8" creationId="{117C54BA-851D-4FE8-8FEA-B31D1C61856D}"/>
          </ac:spMkLst>
        </pc:spChg>
        <pc:spChg chg="add mod">
          <ac:chgData name="Steve Grigg" userId="8751aa99-eeaf-485f-89a4-df3fadfd694e" providerId="ADAL" clId="{7FB330E0-062E-4B26-915A-DF8AD49200B3}" dt="2021-05-11T06:35:16.462" v="2331" actId="20577"/>
          <ac:spMkLst>
            <pc:docMk/>
            <pc:sldMk cId="3169617198" sldId="276"/>
            <ac:spMk id="10" creationId="{1E40F8F5-E72A-4E36-9A63-EB8035593614}"/>
          </ac:spMkLst>
        </pc:spChg>
        <pc:spChg chg="add mod">
          <ac:chgData name="Steve Grigg" userId="8751aa99-eeaf-485f-89a4-df3fadfd694e" providerId="ADAL" clId="{7FB330E0-062E-4B26-915A-DF8AD49200B3}" dt="2021-05-11T06:36:49.348" v="2411" actId="207"/>
          <ac:spMkLst>
            <pc:docMk/>
            <pc:sldMk cId="3169617198" sldId="276"/>
            <ac:spMk id="12" creationId="{AFC96D0F-15E7-496E-94DE-243475CCEA81}"/>
          </ac:spMkLst>
        </pc:spChg>
        <pc:picChg chg="add mod">
          <ac:chgData name="Steve Grigg" userId="8751aa99-eeaf-485f-89a4-df3fadfd694e" providerId="ADAL" clId="{7FB330E0-062E-4B26-915A-DF8AD49200B3}" dt="2021-05-11T06:35:52.668" v="2335" actId="1076"/>
          <ac:picMkLst>
            <pc:docMk/>
            <pc:sldMk cId="3169617198" sldId="276"/>
            <ac:picMk id="11" creationId="{C242FAAF-1B5A-4E31-9A50-96B7D405EAE8}"/>
          </ac:picMkLst>
        </pc:picChg>
        <pc:picChg chg="add del">
          <ac:chgData name="Steve Grigg" userId="8751aa99-eeaf-485f-89a4-df3fadfd694e" providerId="ADAL" clId="{7FB330E0-062E-4B26-915A-DF8AD49200B3}" dt="2021-05-11T06:34:51.340" v="2307"/>
          <ac:picMkLst>
            <pc:docMk/>
            <pc:sldMk cId="3169617198" sldId="276"/>
            <ac:picMk id="5122" creationId="{2DCDD430-1C98-4BD7-BCD8-27A3C1D63EE4}"/>
          </ac:picMkLst>
        </pc:picChg>
        <pc:picChg chg="add del">
          <ac:chgData name="Steve Grigg" userId="8751aa99-eeaf-485f-89a4-df3fadfd694e" providerId="ADAL" clId="{7FB330E0-062E-4B26-915A-DF8AD49200B3}" dt="2021-05-11T06:34:51.340" v="2307"/>
          <ac:picMkLst>
            <pc:docMk/>
            <pc:sldMk cId="3169617198" sldId="276"/>
            <ac:picMk id="5123" creationId="{B95FB5D2-3593-4379-8A2F-477B627C87B1}"/>
          </ac:picMkLst>
        </pc:picChg>
        <pc:picChg chg="add del">
          <ac:chgData name="Steve Grigg" userId="8751aa99-eeaf-485f-89a4-df3fadfd694e" providerId="ADAL" clId="{7FB330E0-062E-4B26-915A-DF8AD49200B3}" dt="2021-05-11T06:34:51.340" v="2307"/>
          <ac:picMkLst>
            <pc:docMk/>
            <pc:sldMk cId="3169617198" sldId="276"/>
            <ac:picMk id="5124" creationId="{48F4E3C5-220F-41B3-BFE7-53E76B41DB9A}"/>
          </ac:picMkLst>
        </pc:picChg>
        <pc:picChg chg="add del">
          <ac:chgData name="Steve Grigg" userId="8751aa99-eeaf-485f-89a4-df3fadfd694e" providerId="ADAL" clId="{7FB330E0-062E-4B26-915A-DF8AD49200B3}" dt="2021-05-11T06:34:51.340" v="2307"/>
          <ac:picMkLst>
            <pc:docMk/>
            <pc:sldMk cId="3169617198" sldId="276"/>
            <ac:picMk id="5125" creationId="{2E974240-65E0-4233-AE3B-1C7AFA66A1CE}"/>
          </ac:picMkLst>
        </pc:picChg>
        <pc:picChg chg="add del">
          <ac:chgData name="Steve Grigg" userId="8751aa99-eeaf-485f-89a4-df3fadfd694e" providerId="ADAL" clId="{7FB330E0-062E-4B26-915A-DF8AD49200B3}" dt="2021-05-11T06:34:51.340" v="2307"/>
          <ac:picMkLst>
            <pc:docMk/>
            <pc:sldMk cId="3169617198" sldId="276"/>
            <ac:picMk id="5126" creationId="{30AA7762-06C1-4E4E-ACC5-206419A48C0E}"/>
          </ac:picMkLst>
        </pc:picChg>
        <pc:picChg chg="add mod">
          <ac:chgData name="Steve Grigg" userId="8751aa99-eeaf-485f-89a4-df3fadfd694e" providerId="ADAL" clId="{7FB330E0-062E-4B26-915A-DF8AD49200B3}" dt="2021-05-11T06:54:17.479" v="3059" actId="1076"/>
          <ac:picMkLst>
            <pc:docMk/>
            <pc:sldMk cId="3169617198" sldId="276"/>
            <ac:picMk id="5128" creationId="{8279537C-9BF7-4F93-BFFB-F9FA6F5D9156}"/>
          </ac:picMkLst>
        </pc:picChg>
        <pc:picChg chg="add mod">
          <ac:chgData name="Steve Grigg" userId="8751aa99-eeaf-485f-89a4-df3fadfd694e" providerId="ADAL" clId="{7FB330E0-062E-4B26-915A-DF8AD49200B3}" dt="2021-05-11T06:54:17.479" v="3059" actId="1076"/>
          <ac:picMkLst>
            <pc:docMk/>
            <pc:sldMk cId="3169617198" sldId="276"/>
            <ac:picMk id="5129" creationId="{7950883F-51E6-4814-8DC1-1196B830BFE2}"/>
          </ac:picMkLst>
        </pc:picChg>
        <pc:picChg chg="add mod">
          <ac:chgData name="Steve Grigg" userId="8751aa99-eeaf-485f-89a4-df3fadfd694e" providerId="ADAL" clId="{7FB330E0-062E-4B26-915A-DF8AD49200B3}" dt="2021-05-11T06:54:17.479" v="3059" actId="1076"/>
          <ac:picMkLst>
            <pc:docMk/>
            <pc:sldMk cId="3169617198" sldId="276"/>
            <ac:picMk id="5130" creationId="{6C3508E7-1CC9-4962-BAEF-9959D53871C0}"/>
          </ac:picMkLst>
        </pc:picChg>
      </pc:sldChg>
      <pc:sldChg chg="new del">
        <pc:chgData name="Steve Grigg" userId="8751aa99-eeaf-485f-89a4-df3fadfd694e" providerId="ADAL" clId="{7FB330E0-062E-4B26-915A-DF8AD49200B3}" dt="2021-05-11T06:43:04.896" v="2512" actId="680"/>
        <pc:sldMkLst>
          <pc:docMk/>
          <pc:sldMk cId="1720971413" sldId="277"/>
        </pc:sldMkLst>
      </pc:sldChg>
      <pc:sldChg chg="addSp modSp add mod modNotesTx">
        <pc:chgData name="Steve Grigg" userId="8751aa99-eeaf-485f-89a4-df3fadfd694e" providerId="ADAL" clId="{7FB330E0-062E-4B26-915A-DF8AD49200B3}" dt="2021-05-11T06:46:54.401" v="2701" actId="1076"/>
        <pc:sldMkLst>
          <pc:docMk/>
          <pc:sldMk cId="2439781569" sldId="277"/>
        </pc:sldMkLst>
        <pc:spChg chg="mod">
          <ac:chgData name="Steve Grigg" userId="8751aa99-eeaf-485f-89a4-df3fadfd694e" providerId="ADAL" clId="{7FB330E0-062E-4B26-915A-DF8AD49200B3}" dt="2021-05-11T06:43:13.403" v="2523" actId="20577"/>
          <ac:spMkLst>
            <pc:docMk/>
            <pc:sldMk cId="2439781569" sldId="277"/>
            <ac:spMk id="2" creationId="{376D31CF-40C4-47D5-AF53-2F4E46F38CEF}"/>
          </ac:spMkLst>
        </pc:spChg>
        <pc:spChg chg="mod">
          <ac:chgData name="Steve Grigg" userId="8751aa99-eeaf-485f-89a4-df3fadfd694e" providerId="ADAL" clId="{7FB330E0-062E-4B26-915A-DF8AD49200B3}" dt="2021-05-11T06:43:18.330" v="2529" actId="20577"/>
          <ac:spMkLst>
            <pc:docMk/>
            <pc:sldMk cId="2439781569" sldId="277"/>
            <ac:spMk id="3" creationId="{5473D841-9C54-4FAE-9CE5-667BCD2E4099}"/>
          </ac:spMkLst>
        </pc:spChg>
        <pc:spChg chg="mod">
          <ac:chgData name="Steve Grigg" userId="8751aa99-eeaf-485f-89a4-df3fadfd694e" providerId="ADAL" clId="{7FB330E0-062E-4B26-915A-DF8AD49200B3}" dt="2021-05-11T06:45:07.553" v="2532"/>
          <ac:spMkLst>
            <pc:docMk/>
            <pc:sldMk cId="2439781569" sldId="277"/>
            <ac:spMk id="6" creationId="{9AF412D2-2545-49C0-8450-B29BD8DF6A2E}"/>
          </ac:spMkLst>
        </pc:spChg>
        <pc:spChg chg="mod">
          <ac:chgData name="Steve Grigg" userId="8751aa99-eeaf-485f-89a4-df3fadfd694e" providerId="ADAL" clId="{7FB330E0-062E-4B26-915A-DF8AD49200B3}" dt="2021-05-11T06:45:07.553" v="2532"/>
          <ac:spMkLst>
            <pc:docMk/>
            <pc:sldMk cId="2439781569" sldId="277"/>
            <ac:spMk id="7" creationId="{8B6122D5-9A69-4337-B250-F08167F5D644}"/>
          </ac:spMkLst>
        </pc:spChg>
        <pc:spChg chg="mod">
          <ac:chgData name="Steve Grigg" userId="8751aa99-eeaf-485f-89a4-df3fadfd694e" providerId="ADAL" clId="{7FB330E0-062E-4B26-915A-DF8AD49200B3}" dt="2021-05-11T06:45:07.553" v="2532"/>
          <ac:spMkLst>
            <pc:docMk/>
            <pc:sldMk cId="2439781569" sldId="277"/>
            <ac:spMk id="8" creationId="{A12EC300-F73D-4F6C-BFAB-F0A82D688AA4}"/>
          </ac:spMkLst>
        </pc:spChg>
        <pc:spChg chg="mod">
          <ac:chgData name="Steve Grigg" userId="8751aa99-eeaf-485f-89a4-df3fadfd694e" providerId="ADAL" clId="{7FB330E0-062E-4B26-915A-DF8AD49200B3}" dt="2021-05-11T06:45:07.553" v="2532"/>
          <ac:spMkLst>
            <pc:docMk/>
            <pc:sldMk cId="2439781569" sldId="277"/>
            <ac:spMk id="9" creationId="{DE58ADAC-9531-4E48-838C-CB67CD4659E2}"/>
          </ac:spMkLst>
        </pc:spChg>
        <pc:spChg chg="mod">
          <ac:chgData name="Steve Grigg" userId="8751aa99-eeaf-485f-89a4-df3fadfd694e" providerId="ADAL" clId="{7FB330E0-062E-4B26-915A-DF8AD49200B3}" dt="2021-05-11T06:45:07.553" v="2532"/>
          <ac:spMkLst>
            <pc:docMk/>
            <pc:sldMk cId="2439781569" sldId="277"/>
            <ac:spMk id="10" creationId="{AA89C2F5-5C94-424C-A17A-047D5B8DD7DF}"/>
          </ac:spMkLst>
        </pc:spChg>
        <pc:spChg chg="mod">
          <ac:chgData name="Steve Grigg" userId="8751aa99-eeaf-485f-89a4-df3fadfd694e" providerId="ADAL" clId="{7FB330E0-062E-4B26-915A-DF8AD49200B3}" dt="2021-05-11T06:45:07.553" v="2532"/>
          <ac:spMkLst>
            <pc:docMk/>
            <pc:sldMk cId="2439781569" sldId="277"/>
            <ac:spMk id="11" creationId="{4A9D0D5A-73F7-4357-BAD5-6A1CBE36E371}"/>
          </ac:spMkLst>
        </pc:spChg>
        <pc:spChg chg="mod">
          <ac:chgData name="Steve Grigg" userId="8751aa99-eeaf-485f-89a4-df3fadfd694e" providerId="ADAL" clId="{7FB330E0-062E-4B26-915A-DF8AD49200B3}" dt="2021-05-11T06:45:07.553" v="2532"/>
          <ac:spMkLst>
            <pc:docMk/>
            <pc:sldMk cId="2439781569" sldId="277"/>
            <ac:spMk id="12" creationId="{948A2385-B5B8-4C23-8F69-8BF607E403DD}"/>
          </ac:spMkLst>
        </pc:spChg>
        <pc:spChg chg="mod">
          <ac:chgData name="Steve Grigg" userId="8751aa99-eeaf-485f-89a4-df3fadfd694e" providerId="ADAL" clId="{7FB330E0-062E-4B26-915A-DF8AD49200B3}" dt="2021-05-11T06:45:07.553" v="2532"/>
          <ac:spMkLst>
            <pc:docMk/>
            <pc:sldMk cId="2439781569" sldId="277"/>
            <ac:spMk id="13" creationId="{ACFD66C7-54FC-43F1-A792-9C5A3D2B5572}"/>
          </ac:spMkLst>
        </pc:spChg>
        <pc:spChg chg="mod">
          <ac:chgData name="Steve Grigg" userId="8751aa99-eeaf-485f-89a4-df3fadfd694e" providerId="ADAL" clId="{7FB330E0-062E-4B26-915A-DF8AD49200B3}" dt="2021-05-11T06:45:07.553" v="2532"/>
          <ac:spMkLst>
            <pc:docMk/>
            <pc:sldMk cId="2439781569" sldId="277"/>
            <ac:spMk id="14" creationId="{D6508F2C-F141-4352-95DB-766BDE192973}"/>
          </ac:spMkLst>
        </pc:spChg>
        <pc:spChg chg="mod">
          <ac:chgData name="Steve Grigg" userId="8751aa99-eeaf-485f-89a4-df3fadfd694e" providerId="ADAL" clId="{7FB330E0-062E-4B26-915A-DF8AD49200B3}" dt="2021-05-11T06:45:07.553" v="2532"/>
          <ac:spMkLst>
            <pc:docMk/>
            <pc:sldMk cId="2439781569" sldId="277"/>
            <ac:spMk id="15" creationId="{89BCC0DF-F91D-4B1C-A0A8-3C266DF36CD7}"/>
          </ac:spMkLst>
        </pc:spChg>
        <pc:spChg chg="mod">
          <ac:chgData name="Steve Grigg" userId="8751aa99-eeaf-485f-89a4-df3fadfd694e" providerId="ADAL" clId="{7FB330E0-062E-4B26-915A-DF8AD49200B3}" dt="2021-05-11T06:45:07.553" v="2532"/>
          <ac:spMkLst>
            <pc:docMk/>
            <pc:sldMk cId="2439781569" sldId="277"/>
            <ac:spMk id="16" creationId="{4F7AC2D3-10F4-4E8E-B089-E774CCCE9010}"/>
          </ac:spMkLst>
        </pc:spChg>
        <pc:spChg chg="mod">
          <ac:chgData name="Steve Grigg" userId="8751aa99-eeaf-485f-89a4-df3fadfd694e" providerId="ADAL" clId="{7FB330E0-062E-4B26-915A-DF8AD49200B3}" dt="2021-05-11T06:45:07.553" v="2532"/>
          <ac:spMkLst>
            <pc:docMk/>
            <pc:sldMk cId="2439781569" sldId="277"/>
            <ac:spMk id="17" creationId="{E290E910-84F0-4356-B7BE-6E1DCBD91E11}"/>
          </ac:spMkLst>
        </pc:spChg>
        <pc:spChg chg="mod">
          <ac:chgData name="Steve Grigg" userId="8751aa99-eeaf-485f-89a4-df3fadfd694e" providerId="ADAL" clId="{7FB330E0-062E-4B26-915A-DF8AD49200B3}" dt="2021-05-11T06:45:07.553" v="2532"/>
          <ac:spMkLst>
            <pc:docMk/>
            <pc:sldMk cId="2439781569" sldId="277"/>
            <ac:spMk id="18" creationId="{F3882B52-1E67-40EE-999C-7792FF42BA2F}"/>
          </ac:spMkLst>
        </pc:spChg>
        <pc:spChg chg="mod">
          <ac:chgData name="Steve Grigg" userId="8751aa99-eeaf-485f-89a4-df3fadfd694e" providerId="ADAL" clId="{7FB330E0-062E-4B26-915A-DF8AD49200B3}" dt="2021-05-11T06:45:07.553" v="2532"/>
          <ac:spMkLst>
            <pc:docMk/>
            <pc:sldMk cId="2439781569" sldId="277"/>
            <ac:spMk id="19" creationId="{147DB9F2-E675-4689-A092-940DC9A1423E}"/>
          </ac:spMkLst>
        </pc:spChg>
        <pc:spChg chg="mod">
          <ac:chgData name="Steve Grigg" userId="8751aa99-eeaf-485f-89a4-df3fadfd694e" providerId="ADAL" clId="{7FB330E0-062E-4B26-915A-DF8AD49200B3}" dt="2021-05-11T06:45:07.553" v="2532"/>
          <ac:spMkLst>
            <pc:docMk/>
            <pc:sldMk cId="2439781569" sldId="277"/>
            <ac:spMk id="20" creationId="{C8CADB54-BBBA-4168-A7BB-FF81A9BB8F38}"/>
          </ac:spMkLst>
        </pc:spChg>
        <pc:spChg chg="mod">
          <ac:chgData name="Steve Grigg" userId="8751aa99-eeaf-485f-89a4-df3fadfd694e" providerId="ADAL" clId="{7FB330E0-062E-4B26-915A-DF8AD49200B3}" dt="2021-05-11T06:45:07.553" v="2532"/>
          <ac:spMkLst>
            <pc:docMk/>
            <pc:sldMk cId="2439781569" sldId="277"/>
            <ac:spMk id="21" creationId="{6D1DF32B-E6FA-413F-BC32-27C283841029}"/>
          </ac:spMkLst>
        </pc:spChg>
        <pc:spChg chg="mod">
          <ac:chgData name="Steve Grigg" userId="8751aa99-eeaf-485f-89a4-df3fadfd694e" providerId="ADAL" clId="{7FB330E0-062E-4B26-915A-DF8AD49200B3}" dt="2021-05-11T06:45:07.553" v="2532"/>
          <ac:spMkLst>
            <pc:docMk/>
            <pc:sldMk cId="2439781569" sldId="277"/>
            <ac:spMk id="22" creationId="{91245392-E462-497F-B01E-6F89A290828E}"/>
          </ac:spMkLst>
        </pc:spChg>
        <pc:spChg chg="mod">
          <ac:chgData name="Steve Grigg" userId="8751aa99-eeaf-485f-89a4-df3fadfd694e" providerId="ADAL" clId="{7FB330E0-062E-4B26-915A-DF8AD49200B3}" dt="2021-05-11T06:45:07.553" v="2532"/>
          <ac:spMkLst>
            <pc:docMk/>
            <pc:sldMk cId="2439781569" sldId="277"/>
            <ac:spMk id="23" creationId="{0771B6AC-6B26-4F4A-8306-9A18CFC959D8}"/>
          </ac:spMkLst>
        </pc:spChg>
        <pc:spChg chg="mod">
          <ac:chgData name="Steve Grigg" userId="8751aa99-eeaf-485f-89a4-df3fadfd694e" providerId="ADAL" clId="{7FB330E0-062E-4B26-915A-DF8AD49200B3}" dt="2021-05-11T06:45:07.553" v="2532"/>
          <ac:spMkLst>
            <pc:docMk/>
            <pc:sldMk cId="2439781569" sldId="277"/>
            <ac:spMk id="24" creationId="{F096BCD4-B553-413C-917C-6CDA3696CD6F}"/>
          </ac:spMkLst>
        </pc:spChg>
        <pc:spChg chg="mod">
          <ac:chgData name="Steve Grigg" userId="8751aa99-eeaf-485f-89a4-df3fadfd694e" providerId="ADAL" clId="{7FB330E0-062E-4B26-915A-DF8AD49200B3}" dt="2021-05-11T06:45:07.553" v="2532"/>
          <ac:spMkLst>
            <pc:docMk/>
            <pc:sldMk cId="2439781569" sldId="277"/>
            <ac:spMk id="25" creationId="{E5BA26A8-F2B5-482E-84C6-5BCC77FDF63B}"/>
          </ac:spMkLst>
        </pc:spChg>
        <pc:spChg chg="mod">
          <ac:chgData name="Steve Grigg" userId="8751aa99-eeaf-485f-89a4-df3fadfd694e" providerId="ADAL" clId="{7FB330E0-062E-4B26-915A-DF8AD49200B3}" dt="2021-05-11T06:45:07.553" v="2532"/>
          <ac:spMkLst>
            <pc:docMk/>
            <pc:sldMk cId="2439781569" sldId="277"/>
            <ac:spMk id="26" creationId="{7948799B-62C7-4BF3-ACDA-057DD7D217FF}"/>
          </ac:spMkLst>
        </pc:spChg>
        <pc:spChg chg="mod">
          <ac:chgData name="Steve Grigg" userId="8751aa99-eeaf-485f-89a4-df3fadfd694e" providerId="ADAL" clId="{7FB330E0-062E-4B26-915A-DF8AD49200B3}" dt="2021-05-11T06:45:07.553" v="2532"/>
          <ac:spMkLst>
            <pc:docMk/>
            <pc:sldMk cId="2439781569" sldId="277"/>
            <ac:spMk id="27" creationId="{762137DA-BB91-42D7-ABF0-76D0D0E74171}"/>
          </ac:spMkLst>
        </pc:spChg>
        <pc:spChg chg="mod">
          <ac:chgData name="Steve Grigg" userId="8751aa99-eeaf-485f-89a4-df3fadfd694e" providerId="ADAL" clId="{7FB330E0-062E-4B26-915A-DF8AD49200B3}" dt="2021-05-11T06:45:07.553" v="2532"/>
          <ac:spMkLst>
            <pc:docMk/>
            <pc:sldMk cId="2439781569" sldId="277"/>
            <ac:spMk id="28" creationId="{88A7BD30-C519-4500-BCD7-C251FED1DD58}"/>
          </ac:spMkLst>
        </pc:spChg>
        <pc:spChg chg="mod">
          <ac:chgData name="Steve Grigg" userId="8751aa99-eeaf-485f-89a4-df3fadfd694e" providerId="ADAL" clId="{7FB330E0-062E-4B26-915A-DF8AD49200B3}" dt="2021-05-11T06:45:07.553" v="2532"/>
          <ac:spMkLst>
            <pc:docMk/>
            <pc:sldMk cId="2439781569" sldId="277"/>
            <ac:spMk id="29" creationId="{8B6CB22E-6A73-41DF-B68D-B41512BB6930}"/>
          </ac:spMkLst>
        </pc:spChg>
        <pc:spChg chg="mod">
          <ac:chgData name="Steve Grigg" userId="8751aa99-eeaf-485f-89a4-df3fadfd694e" providerId="ADAL" clId="{7FB330E0-062E-4B26-915A-DF8AD49200B3}" dt="2021-05-11T06:45:07.553" v="2532"/>
          <ac:spMkLst>
            <pc:docMk/>
            <pc:sldMk cId="2439781569" sldId="277"/>
            <ac:spMk id="30" creationId="{93C23A52-42BF-4189-B498-283AA1368BBE}"/>
          </ac:spMkLst>
        </pc:spChg>
        <pc:spChg chg="mod">
          <ac:chgData name="Steve Grigg" userId="8751aa99-eeaf-485f-89a4-df3fadfd694e" providerId="ADAL" clId="{7FB330E0-062E-4B26-915A-DF8AD49200B3}" dt="2021-05-11T06:45:07.553" v="2532"/>
          <ac:spMkLst>
            <pc:docMk/>
            <pc:sldMk cId="2439781569" sldId="277"/>
            <ac:spMk id="31" creationId="{6D9B6F71-E3B1-4BAF-BADB-5C6F72276A14}"/>
          </ac:spMkLst>
        </pc:spChg>
        <pc:spChg chg="mod">
          <ac:chgData name="Steve Grigg" userId="8751aa99-eeaf-485f-89a4-df3fadfd694e" providerId="ADAL" clId="{7FB330E0-062E-4B26-915A-DF8AD49200B3}" dt="2021-05-11T06:45:07.553" v="2532"/>
          <ac:spMkLst>
            <pc:docMk/>
            <pc:sldMk cId="2439781569" sldId="277"/>
            <ac:spMk id="32" creationId="{C2D87625-8702-4310-84B1-E948FDDDBCB7}"/>
          </ac:spMkLst>
        </pc:spChg>
        <pc:spChg chg="mod">
          <ac:chgData name="Steve Grigg" userId="8751aa99-eeaf-485f-89a4-df3fadfd694e" providerId="ADAL" clId="{7FB330E0-062E-4B26-915A-DF8AD49200B3}" dt="2021-05-11T06:45:07.553" v="2532"/>
          <ac:spMkLst>
            <pc:docMk/>
            <pc:sldMk cId="2439781569" sldId="277"/>
            <ac:spMk id="33" creationId="{83AADFA7-CFA9-4332-8FB2-9349C3CCD704}"/>
          </ac:spMkLst>
        </pc:spChg>
        <pc:spChg chg="mod">
          <ac:chgData name="Steve Grigg" userId="8751aa99-eeaf-485f-89a4-df3fadfd694e" providerId="ADAL" clId="{7FB330E0-062E-4B26-915A-DF8AD49200B3}" dt="2021-05-11T06:45:07.553" v="2532"/>
          <ac:spMkLst>
            <pc:docMk/>
            <pc:sldMk cId="2439781569" sldId="277"/>
            <ac:spMk id="34" creationId="{3AB520D8-E837-4E93-B880-C0514EE5AF8B}"/>
          </ac:spMkLst>
        </pc:spChg>
        <pc:spChg chg="mod">
          <ac:chgData name="Steve Grigg" userId="8751aa99-eeaf-485f-89a4-df3fadfd694e" providerId="ADAL" clId="{7FB330E0-062E-4B26-915A-DF8AD49200B3}" dt="2021-05-11T06:45:07.553" v="2532"/>
          <ac:spMkLst>
            <pc:docMk/>
            <pc:sldMk cId="2439781569" sldId="277"/>
            <ac:spMk id="35" creationId="{E4F32226-2145-42A5-A957-321323A2E20C}"/>
          </ac:spMkLst>
        </pc:spChg>
        <pc:spChg chg="mod">
          <ac:chgData name="Steve Grigg" userId="8751aa99-eeaf-485f-89a4-df3fadfd694e" providerId="ADAL" clId="{7FB330E0-062E-4B26-915A-DF8AD49200B3}" dt="2021-05-11T06:45:07.553" v="2532"/>
          <ac:spMkLst>
            <pc:docMk/>
            <pc:sldMk cId="2439781569" sldId="277"/>
            <ac:spMk id="36" creationId="{C5F15199-2153-42AC-924D-9B61EB4279B8}"/>
          </ac:spMkLst>
        </pc:spChg>
        <pc:spChg chg="mod">
          <ac:chgData name="Steve Grigg" userId="8751aa99-eeaf-485f-89a4-df3fadfd694e" providerId="ADAL" clId="{7FB330E0-062E-4B26-915A-DF8AD49200B3}" dt="2021-05-11T06:45:07.553" v="2532"/>
          <ac:spMkLst>
            <pc:docMk/>
            <pc:sldMk cId="2439781569" sldId="277"/>
            <ac:spMk id="37" creationId="{EB250DDE-5A7E-4573-90CA-8BBC967710F9}"/>
          </ac:spMkLst>
        </pc:spChg>
        <pc:spChg chg="mod">
          <ac:chgData name="Steve Grigg" userId="8751aa99-eeaf-485f-89a4-df3fadfd694e" providerId="ADAL" clId="{7FB330E0-062E-4B26-915A-DF8AD49200B3}" dt="2021-05-11T06:45:07.553" v="2532"/>
          <ac:spMkLst>
            <pc:docMk/>
            <pc:sldMk cId="2439781569" sldId="277"/>
            <ac:spMk id="38" creationId="{4E6B3318-5CEE-42DF-AA06-628292EF56B4}"/>
          </ac:spMkLst>
        </pc:spChg>
        <pc:spChg chg="mod">
          <ac:chgData name="Steve Grigg" userId="8751aa99-eeaf-485f-89a4-df3fadfd694e" providerId="ADAL" clId="{7FB330E0-062E-4B26-915A-DF8AD49200B3}" dt="2021-05-11T06:45:07.553" v="2532"/>
          <ac:spMkLst>
            <pc:docMk/>
            <pc:sldMk cId="2439781569" sldId="277"/>
            <ac:spMk id="39" creationId="{0A02D193-18BC-4042-B318-17F3F39EC956}"/>
          </ac:spMkLst>
        </pc:spChg>
        <pc:spChg chg="mod">
          <ac:chgData name="Steve Grigg" userId="8751aa99-eeaf-485f-89a4-df3fadfd694e" providerId="ADAL" clId="{7FB330E0-062E-4B26-915A-DF8AD49200B3}" dt="2021-05-11T06:45:07.553" v="2532"/>
          <ac:spMkLst>
            <pc:docMk/>
            <pc:sldMk cId="2439781569" sldId="277"/>
            <ac:spMk id="40" creationId="{DF6B6494-63B2-4C88-869F-D80521BB5E74}"/>
          </ac:spMkLst>
        </pc:spChg>
        <pc:spChg chg="mod">
          <ac:chgData name="Steve Grigg" userId="8751aa99-eeaf-485f-89a4-df3fadfd694e" providerId="ADAL" clId="{7FB330E0-062E-4B26-915A-DF8AD49200B3}" dt="2021-05-11T06:45:07.553" v="2532"/>
          <ac:spMkLst>
            <pc:docMk/>
            <pc:sldMk cId="2439781569" sldId="277"/>
            <ac:spMk id="41" creationId="{94502162-5A83-4230-A9AC-73A547AC6995}"/>
          </ac:spMkLst>
        </pc:spChg>
        <pc:spChg chg="mod">
          <ac:chgData name="Steve Grigg" userId="8751aa99-eeaf-485f-89a4-df3fadfd694e" providerId="ADAL" clId="{7FB330E0-062E-4B26-915A-DF8AD49200B3}" dt="2021-05-11T06:45:07.553" v="2532"/>
          <ac:spMkLst>
            <pc:docMk/>
            <pc:sldMk cId="2439781569" sldId="277"/>
            <ac:spMk id="42" creationId="{3950D044-7346-44C9-A4EA-714605CC3B1E}"/>
          </ac:spMkLst>
        </pc:spChg>
        <pc:spChg chg="mod">
          <ac:chgData name="Steve Grigg" userId="8751aa99-eeaf-485f-89a4-df3fadfd694e" providerId="ADAL" clId="{7FB330E0-062E-4B26-915A-DF8AD49200B3}" dt="2021-05-11T06:45:07.553" v="2532"/>
          <ac:spMkLst>
            <pc:docMk/>
            <pc:sldMk cId="2439781569" sldId="277"/>
            <ac:spMk id="43" creationId="{BEC442D2-C286-4F85-810A-B084021316EA}"/>
          </ac:spMkLst>
        </pc:spChg>
        <pc:spChg chg="mod">
          <ac:chgData name="Steve Grigg" userId="8751aa99-eeaf-485f-89a4-df3fadfd694e" providerId="ADAL" clId="{7FB330E0-062E-4B26-915A-DF8AD49200B3}" dt="2021-05-11T06:45:07.553" v="2532"/>
          <ac:spMkLst>
            <pc:docMk/>
            <pc:sldMk cId="2439781569" sldId="277"/>
            <ac:spMk id="44" creationId="{A7E7F264-E4E2-4ED5-83ED-2BA89936A24C}"/>
          </ac:spMkLst>
        </pc:spChg>
        <pc:spChg chg="mod">
          <ac:chgData name="Steve Grigg" userId="8751aa99-eeaf-485f-89a4-df3fadfd694e" providerId="ADAL" clId="{7FB330E0-062E-4B26-915A-DF8AD49200B3}" dt="2021-05-11T06:45:07.553" v="2532"/>
          <ac:spMkLst>
            <pc:docMk/>
            <pc:sldMk cId="2439781569" sldId="277"/>
            <ac:spMk id="45" creationId="{7DEF5008-40EC-4566-9EC4-19E24A7F5C1C}"/>
          </ac:spMkLst>
        </pc:spChg>
        <pc:spChg chg="mod">
          <ac:chgData name="Steve Grigg" userId="8751aa99-eeaf-485f-89a4-df3fadfd694e" providerId="ADAL" clId="{7FB330E0-062E-4B26-915A-DF8AD49200B3}" dt="2021-05-11T06:45:07.553" v="2532"/>
          <ac:spMkLst>
            <pc:docMk/>
            <pc:sldMk cId="2439781569" sldId="277"/>
            <ac:spMk id="46" creationId="{06CF3C08-877D-42E3-B0A3-19169653C554}"/>
          </ac:spMkLst>
        </pc:spChg>
        <pc:spChg chg="mod">
          <ac:chgData name="Steve Grigg" userId="8751aa99-eeaf-485f-89a4-df3fadfd694e" providerId="ADAL" clId="{7FB330E0-062E-4B26-915A-DF8AD49200B3}" dt="2021-05-11T06:45:07.553" v="2532"/>
          <ac:spMkLst>
            <pc:docMk/>
            <pc:sldMk cId="2439781569" sldId="277"/>
            <ac:spMk id="47" creationId="{F86BB96F-C458-40A1-8DEA-FD78EF1DA7B4}"/>
          </ac:spMkLst>
        </pc:spChg>
        <pc:spChg chg="mod">
          <ac:chgData name="Steve Grigg" userId="8751aa99-eeaf-485f-89a4-df3fadfd694e" providerId="ADAL" clId="{7FB330E0-062E-4B26-915A-DF8AD49200B3}" dt="2021-05-11T06:45:07.553" v="2532"/>
          <ac:spMkLst>
            <pc:docMk/>
            <pc:sldMk cId="2439781569" sldId="277"/>
            <ac:spMk id="48" creationId="{B3084806-FA9E-4829-ADF8-3CBB1F4E5B55}"/>
          </ac:spMkLst>
        </pc:spChg>
        <pc:spChg chg="mod">
          <ac:chgData name="Steve Grigg" userId="8751aa99-eeaf-485f-89a4-df3fadfd694e" providerId="ADAL" clId="{7FB330E0-062E-4B26-915A-DF8AD49200B3}" dt="2021-05-11T06:45:07.553" v="2532"/>
          <ac:spMkLst>
            <pc:docMk/>
            <pc:sldMk cId="2439781569" sldId="277"/>
            <ac:spMk id="49" creationId="{97A3CDE3-8828-4390-B520-446599943B78}"/>
          </ac:spMkLst>
        </pc:spChg>
        <pc:spChg chg="mod">
          <ac:chgData name="Steve Grigg" userId="8751aa99-eeaf-485f-89a4-df3fadfd694e" providerId="ADAL" clId="{7FB330E0-062E-4B26-915A-DF8AD49200B3}" dt="2021-05-11T06:45:07.553" v="2532"/>
          <ac:spMkLst>
            <pc:docMk/>
            <pc:sldMk cId="2439781569" sldId="277"/>
            <ac:spMk id="50" creationId="{0DCDCDAB-8153-4A0F-90C6-9A9913E3ABDB}"/>
          </ac:spMkLst>
        </pc:spChg>
        <pc:spChg chg="mod">
          <ac:chgData name="Steve Grigg" userId="8751aa99-eeaf-485f-89a4-df3fadfd694e" providerId="ADAL" clId="{7FB330E0-062E-4B26-915A-DF8AD49200B3}" dt="2021-05-11T06:45:07.553" v="2532"/>
          <ac:spMkLst>
            <pc:docMk/>
            <pc:sldMk cId="2439781569" sldId="277"/>
            <ac:spMk id="51" creationId="{89F54683-3836-4AD9-9490-FF18017D8BCC}"/>
          </ac:spMkLst>
        </pc:spChg>
        <pc:spChg chg="mod">
          <ac:chgData name="Steve Grigg" userId="8751aa99-eeaf-485f-89a4-df3fadfd694e" providerId="ADAL" clId="{7FB330E0-062E-4B26-915A-DF8AD49200B3}" dt="2021-05-11T06:45:07.553" v="2532"/>
          <ac:spMkLst>
            <pc:docMk/>
            <pc:sldMk cId="2439781569" sldId="277"/>
            <ac:spMk id="52" creationId="{11C8E280-C713-4BB1-9ADF-C4E9DD3887DE}"/>
          </ac:spMkLst>
        </pc:spChg>
        <pc:spChg chg="mod">
          <ac:chgData name="Steve Grigg" userId="8751aa99-eeaf-485f-89a4-df3fadfd694e" providerId="ADAL" clId="{7FB330E0-062E-4B26-915A-DF8AD49200B3}" dt="2021-05-11T06:45:07.553" v="2532"/>
          <ac:spMkLst>
            <pc:docMk/>
            <pc:sldMk cId="2439781569" sldId="277"/>
            <ac:spMk id="53" creationId="{C6EBC16C-F630-4FB5-90FB-C463C207C2C4}"/>
          </ac:spMkLst>
        </pc:spChg>
        <pc:grpChg chg="add mod">
          <ac:chgData name="Steve Grigg" userId="8751aa99-eeaf-485f-89a4-df3fadfd694e" providerId="ADAL" clId="{7FB330E0-062E-4B26-915A-DF8AD49200B3}" dt="2021-05-11T06:45:13.261" v="2533" actId="1076"/>
          <ac:grpSpMkLst>
            <pc:docMk/>
            <pc:sldMk cId="2439781569" sldId="277"/>
            <ac:grpSpMk id="5" creationId="{08F0BDA7-B355-4D4A-9B0C-5C03D183C6C5}"/>
          </ac:grpSpMkLst>
        </pc:grpChg>
        <pc:picChg chg="add mod">
          <ac:chgData name="Steve Grigg" userId="8751aa99-eeaf-485f-89a4-df3fadfd694e" providerId="ADAL" clId="{7FB330E0-062E-4B26-915A-DF8AD49200B3}" dt="2021-05-11T06:46:54.401" v="2701" actId="1076"/>
          <ac:picMkLst>
            <pc:docMk/>
            <pc:sldMk cId="2439781569" sldId="277"/>
            <ac:picMk id="8194" creationId="{7387E2CB-67ED-4642-BE71-0FF727AE5E90}"/>
          </ac:picMkLst>
        </pc:picChg>
      </pc:sldChg>
      <pc:sldChg chg="new del">
        <pc:chgData name="Steve Grigg" userId="8751aa99-eeaf-485f-89a4-df3fadfd694e" providerId="ADAL" clId="{7FB330E0-062E-4B26-915A-DF8AD49200B3}" dt="2021-05-11T06:43:01.472" v="2510" actId="47"/>
        <pc:sldMkLst>
          <pc:docMk/>
          <pc:sldMk cId="3749478065" sldId="277"/>
        </pc:sldMkLst>
      </pc:sldChg>
      <pc:sldChg chg="addSp delSp modSp new">
        <pc:chgData name="Steve Grigg" userId="8751aa99-eeaf-485f-89a4-df3fadfd694e" providerId="ADAL" clId="{7FB330E0-062E-4B26-915A-DF8AD49200B3}" dt="2021-05-11T06:47:26.983" v="2704"/>
        <pc:sldMkLst>
          <pc:docMk/>
          <pc:sldMk cId="1628680004" sldId="278"/>
        </pc:sldMkLst>
        <pc:spChg chg="del">
          <ac:chgData name="Steve Grigg" userId="8751aa99-eeaf-485f-89a4-df3fadfd694e" providerId="ADAL" clId="{7FB330E0-062E-4B26-915A-DF8AD49200B3}" dt="2021-05-11T06:47:15.661" v="2703"/>
          <ac:spMkLst>
            <pc:docMk/>
            <pc:sldMk cId="1628680004" sldId="278"/>
            <ac:spMk id="2" creationId="{1D64AC62-108C-4AA3-9393-B987C7FE502C}"/>
          </ac:spMkLst>
        </pc:spChg>
        <pc:spChg chg="del">
          <ac:chgData name="Steve Grigg" userId="8751aa99-eeaf-485f-89a4-df3fadfd694e" providerId="ADAL" clId="{7FB330E0-062E-4B26-915A-DF8AD49200B3}" dt="2021-05-11T06:47:15.661" v="2703"/>
          <ac:spMkLst>
            <pc:docMk/>
            <pc:sldMk cId="1628680004" sldId="278"/>
            <ac:spMk id="3" creationId="{CA5FE654-16C2-432E-B93A-6B685D2A2A5C}"/>
          </ac:spMkLst>
        </pc:spChg>
        <pc:spChg chg="add del mod">
          <ac:chgData name="Steve Grigg" userId="8751aa99-eeaf-485f-89a4-df3fadfd694e" providerId="ADAL" clId="{7FB330E0-062E-4B26-915A-DF8AD49200B3}" dt="2021-05-11T06:47:26.983" v="2704"/>
          <ac:spMkLst>
            <pc:docMk/>
            <pc:sldMk cId="1628680004" sldId="278"/>
            <ac:spMk id="4" creationId="{FC1E2A9D-EAB5-4F24-881D-32B1955F5A2A}"/>
          </ac:spMkLst>
        </pc:spChg>
        <pc:spChg chg="add mod">
          <ac:chgData name="Steve Grigg" userId="8751aa99-eeaf-485f-89a4-df3fadfd694e" providerId="ADAL" clId="{7FB330E0-062E-4B26-915A-DF8AD49200B3}" dt="2021-05-11T06:47:26.983" v="2704"/>
          <ac:spMkLst>
            <pc:docMk/>
            <pc:sldMk cId="1628680004" sldId="278"/>
            <ac:spMk id="5" creationId="{495BD7F0-D72E-4E85-A5CB-CF500302D8D8}"/>
          </ac:spMkLst>
        </pc:spChg>
      </pc:sldChg>
      <pc:sldChg chg="addSp delSp modSp new add del mod">
        <pc:chgData name="Steve Grigg" userId="8751aa99-eeaf-485f-89a4-df3fadfd694e" providerId="ADAL" clId="{7FB330E0-062E-4B26-915A-DF8AD49200B3}" dt="2021-05-11T06:54:02.826" v="3058" actId="207"/>
        <pc:sldMkLst>
          <pc:docMk/>
          <pc:sldMk cId="2117861711" sldId="279"/>
        </pc:sldMkLst>
        <pc:spChg chg="mod">
          <ac:chgData name="Steve Grigg" userId="8751aa99-eeaf-485f-89a4-df3fadfd694e" providerId="ADAL" clId="{7FB330E0-062E-4B26-915A-DF8AD49200B3}" dt="2021-05-11T06:51:52.538" v="2768" actId="20577"/>
          <ac:spMkLst>
            <pc:docMk/>
            <pc:sldMk cId="2117861711" sldId="279"/>
            <ac:spMk id="2" creationId="{BFE58203-F474-47AF-9166-FDEFD4CE03D9}"/>
          </ac:spMkLst>
        </pc:spChg>
        <pc:spChg chg="del">
          <ac:chgData name="Steve Grigg" userId="8751aa99-eeaf-485f-89a4-df3fadfd694e" providerId="ADAL" clId="{7FB330E0-062E-4B26-915A-DF8AD49200B3}" dt="2021-05-11T06:51:19.867" v="2741" actId="478"/>
          <ac:spMkLst>
            <pc:docMk/>
            <pc:sldMk cId="2117861711" sldId="279"/>
            <ac:spMk id="3" creationId="{15F962EA-ADF1-4F6C-81BC-6AA8FA2BA909}"/>
          </ac:spMkLst>
        </pc:spChg>
        <pc:spChg chg="add del mod">
          <ac:chgData name="Steve Grigg" userId="8751aa99-eeaf-485f-89a4-df3fadfd694e" providerId="ADAL" clId="{7FB330E0-062E-4B26-915A-DF8AD49200B3}" dt="2021-05-11T06:52:20.137" v="2775" actId="478"/>
          <ac:spMkLst>
            <pc:docMk/>
            <pc:sldMk cId="2117861711" sldId="279"/>
            <ac:spMk id="4" creationId="{E50E6AFF-101C-42BC-9DE4-088870E9AEDA}"/>
          </ac:spMkLst>
        </pc:spChg>
        <pc:spChg chg="add del mod">
          <ac:chgData name="Steve Grigg" userId="8751aa99-eeaf-485f-89a4-df3fadfd694e" providerId="ADAL" clId="{7FB330E0-062E-4B26-915A-DF8AD49200B3}" dt="2021-05-11T06:52:20.137" v="2775" actId="478"/>
          <ac:spMkLst>
            <pc:docMk/>
            <pc:sldMk cId="2117861711" sldId="279"/>
            <ac:spMk id="5" creationId="{77261E3D-D91D-4959-9C3C-39C6050F9CEF}"/>
          </ac:spMkLst>
        </pc:spChg>
        <pc:spChg chg="add del mod">
          <ac:chgData name="Steve Grigg" userId="8751aa99-eeaf-485f-89a4-df3fadfd694e" providerId="ADAL" clId="{7FB330E0-062E-4B26-915A-DF8AD49200B3}" dt="2021-05-11T06:52:20.137" v="2775" actId="478"/>
          <ac:spMkLst>
            <pc:docMk/>
            <pc:sldMk cId="2117861711" sldId="279"/>
            <ac:spMk id="6" creationId="{BE59B06A-24C1-47F0-8CBF-E8EE532B354E}"/>
          </ac:spMkLst>
        </pc:spChg>
        <pc:spChg chg="add del mod">
          <ac:chgData name="Steve Grigg" userId="8751aa99-eeaf-485f-89a4-df3fadfd694e" providerId="ADAL" clId="{7FB330E0-062E-4B26-915A-DF8AD49200B3}" dt="2021-05-11T06:52:20.137" v="2775" actId="478"/>
          <ac:spMkLst>
            <pc:docMk/>
            <pc:sldMk cId="2117861711" sldId="279"/>
            <ac:spMk id="7" creationId="{5E73727A-CEFF-4754-BACF-5A0E5EEF44D9}"/>
          </ac:spMkLst>
        </pc:spChg>
        <pc:spChg chg="add del mod">
          <ac:chgData name="Steve Grigg" userId="8751aa99-eeaf-485f-89a4-df3fadfd694e" providerId="ADAL" clId="{7FB330E0-062E-4B26-915A-DF8AD49200B3}" dt="2021-05-11T06:52:20.137" v="2775" actId="478"/>
          <ac:spMkLst>
            <pc:docMk/>
            <pc:sldMk cId="2117861711" sldId="279"/>
            <ac:spMk id="8" creationId="{A7840D30-BCFF-41E1-AB8F-06DF5E3A7F05}"/>
          </ac:spMkLst>
        </pc:spChg>
        <pc:spChg chg="add del mod">
          <ac:chgData name="Steve Grigg" userId="8751aa99-eeaf-485f-89a4-df3fadfd694e" providerId="ADAL" clId="{7FB330E0-062E-4B26-915A-DF8AD49200B3}" dt="2021-05-11T06:52:20.137" v="2775" actId="478"/>
          <ac:spMkLst>
            <pc:docMk/>
            <pc:sldMk cId="2117861711" sldId="279"/>
            <ac:spMk id="9" creationId="{E975160A-C3C5-44DD-98CE-20BC6D9AA8B3}"/>
          </ac:spMkLst>
        </pc:spChg>
        <pc:spChg chg="add del mod">
          <ac:chgData name="Steve Grigg" userId="8751aa99-eeaf-485f-89a4-df3fadfd694e" providerId="ADAL" clId="{7FB330E0-062E-4B26-915A-DF8AD49200B3}" dt="2021-05-11T06:52:20.137" v="2775" actId="478"/>
          <ac:spMkLst>
            <pc:docMk/>
            <pc:sldMk cId="2117861711" sldId="279"/>
            <ac:spMk id="10" creationId="{5B07BD95-B523-41A1-BE4C-1233AEBBBDF3}"/>
          </ac:spMkLst>
        </pc:spChg>
        <pc:spChg chg="add del mod">
          <ac:chgData name="Steve Grigg" userId="8751aa99-eeaf-485f-89a4-df3fadfd694e" providerId="ADAL" clId="{7FB330E0-062E-4B26-915A-DF8AD49200B3}" dt="2021-05-11T06:51:16.314" v="2740" actId="478"/>
          <ac:spMkLst>
            <pc:docMk/>
            <pc:sldMk cId="2117861711" sldId="279"/>
            <ac:spMk id="11" creationId="{54E90D7C-0D21-4422-ACEF-80BB4A99B789}"/>
          </ac:spMkLst>
        </pc:spChg>
        <pc:spChg chg="add del mod">
          <ac:chgData name="Steve Grigg" userId="8751aa99-eeaf-485f-89a4-df3fadfd694e" providerId="ADAL" clId="{7FB330E0-062E-4B26-915A-DF8AD49200B3}" dt="2021-05-11T06:52:20.137" v="2775" actId="478"/>
          <ac:spMkLst>
            <pc:docMk/>
            <pc:sldMk cId="2117861711" sldId="279"/>
            <ac:spMk id="12" creationId="{4B0A06D9-FA18-4885-ACA9-B8F5FC3024B0}"/>
          </ac:spMkLst>
        </pc:spChg>
        <pc:spChg chg="add mod">
          <ac:chgData name="Steve Grigg" userId="8751aa99-eeaf-485f-89a4-df3fadfd694e" providerId="ADAL" clId="{7FB330E0-062E-4B26-915A-DF8AD49200B3}" dt="2021-05-11T06:51:24.941" v="2743" actId="571"/>
          <ac:spMkLst>
            <pc:docMk/>
            <pc:sldMk cId="2117861711" sldId="279"/>
            <ac:spMk id="13" creationId="{F730E604-F36B-483E-8D6F-FA4BA272A53E}"/>
          </ac:spMkLst>
        </pc:spChg>
        <pc:spChg chg="add mod">
          <ac:chgData name="Steve Grigg" userId="8751aa99-eeaf-485f-89a4-df3fadfd694e" providerId="ADAL" clId="{7FB330E0-062E-4B26-915A-DF8AD49200B3}" dt="2021-05-11T06:51:24.941" v="2743" actId="571"/>
          <ac:spMkLst>
            <pc:docMk/>
            <pc:sldMk cId="2117861711" sldId="279"/>
            <ac:spMk id="14" creationId="{8E767003-F906-4E2A-AE6B-44BDAB8D6FF9}"/>
          </ac:spMkLst>
        </pc:spChg>
        <pc:spChg chg="add mod">
          <ac:chgData name="Steve Grigg" userId="8751aa99-eeaf-485f-89a4-df3fadfd694e" providerId="ADAL" clId="{7FB330E0-062E-4B26-915A-DF8AD49200B3}" dt="2021-05-11T06:51:24.941" v="2743" actId="571"/>
          <ac:spMkLst>
            <pc:docMk/>
            <pc:sldMk cId="2117861711" sldId="279"/>
            <ac:spMk id="15" creationId="{D8ABE854-AE11-4538-86BF-20BCF817FFBD}"/>
          </ac:spMkLst>
        </pc:spChg>
        <pc:spChg chg="add mod">
          <ac:chgData name="Steve Grigg" userId="8751aa99-eeaf-485f-89a4-df3fadfd694e" providerId="ADAL" clId="{7FB330E0-062E-4B26-915A-DF8AD49200B3}" dt="2021-05-11T06:51:24.941" v="2743" actId="571"/>
          <ac:spMkLst>
            <pc:docMk/>
            <pc:sldMk cId="2117861711" sldId="279"/>
            <ac:spMk id="16" creationId="{3FA0B456-4FA4-4DFE-9A48-FDD213BEF84E}"/>
          </ac:spMkLst>
        </pc:spChg>
        <pc:spChg chg="add mod">
          <ac:chgData name="Steve Grigg" userId="8751aa99-eeaf-485f-89a4-df3fadfd694e" providerId="ADAL" clId="{7FB330E0-062E-4B26-915A-DF8AD49200B3}" dt="2021-05-11T06:51:24.941" v="2743" actId="571"/>
          <ac:spMkLst>
            <pc:docMk/>
            <pc:sldMk cId="2117861711" sldId="279"/>
            <ac:spMk id="17" creationId="{A64F1AB7-84D2-412C-9747-12DBFD4F12CD}"/>
          </ac:spMkLst>
        </pc:spChg>
        <pc:spChg chg="add mod">
          <ac:chgData name="Steve Grigg" userId="8751aa99-eeaf-485f-89a4-df3fadfd694e" providerId="ADAL" clId="{7FB330E0-062E-4B26-915A-DF8AD49200B3}" dt="2021-05-11T06:54:02.826" v="3058" actId="207"/>
          <ac:spMkLst>
            <pc:docMk/>
            <pc:sldMk cId="2117861711" sldId="279"/>
            <ac:spMk id="18" creationId="{732492C4-4079-4225-B5D0-C90ED361A66C}"/>
          </ac:spMkLst>
        </pc:spChg>
      </pc:sldChg>
    </pc:docChg>
  </pc:docChgLst>
  <pc:docChgLst>
    <pc:chgData name="Ronald Tong" userId="26f78301-a32f-460f-a787-6ee5fd2eb1b5" providerId="ADAL" clId="{2D48EC6C-D21A-4CCB-ABEE-25BBEBCBC3B0}"/>
    <pc:docChg chg="">
      <pc:chgData name="Ronald Tong" userId="26f78301-a32f-460f-a787-6ee5fd2eb1b5" providerId="ADAL" clId="{2D48EC6C-D21A-4CCB-ABEE-25BBEBCBC3B0}" dt="2021-05-21T02:36:09.235" v="34" actId="2696"/>
      <pc:docMkLst>
        <pc:docMk/>
      </pc:docMkLst>
      <pc:sldMasterChg chg="delSldLayout">
        <pc:chgData name="Ronald Tong" userId="26f78301-a32f-460f-a787-6ee5fd2eb1b5" providerId="ADAL" clId="{2D48EC6C-D21A-4CCB-ABEE-25BBEBCBC3B0}" dt="2021-05-21T02:36:09.235" v="34" actId="2696"/>
        <pc:sldMasterMkLst>
          <pc:docMk/>
          <pc:sldMasterMk cId="0" sldId="2147483699"/>
        </pc:sldMasterMkLst>
        <pc:sldLayoutChg chg="del">
          <pc:chgData name="Ronald Tong" userId="26f78301-a32f-460f-a787-6ee5fd2eb1b5" providerId="ADAL" clId="{2D48EC6C-D21A-4CCB-ABEE-25BBEBCBC3B0}" dt="2021-05-21T02:36:06.097" v="0" actId="2696"/>
          <pc:sldLayoutMkLst>
            <pc:docMk/>
            <pc:sldMasterMk cId="0" sldId="2147483699"/>
            <pc:sldLayoutMk cId="0" sldId="2147483661"/>
          </pc:sldLayoutMkLst>
        </pc:sldLayoutChg>
        <pc:sldLayoutChg chg="del">
          <pc:chgData name="Ronald Tong" userId="26f78301-a32f-460f-a787-6ee5fd2eb1b5" providerId="ADAL" clId="{2D48EC6C-D21A-4CCB-ABEE-25BBEBCBC3B0}" dt="2021-05-21T02:36:06.597" v="1" actId="2696"/>
          <pc:sldLayoutMkLst>
            <pc:docMk/>
            <pc:sldMasterMk cId="0" sldId="2147483699"/>
            <pc:sldLayoutMk cId="0" sldId="2147483662"/>
          </pc:sldLayoutMkLst>
        </pc:sldLayoutChg>
        <pc:sldLayoutChg chg="del">
          <pc:chgData name="Ronald Tong" userId="26f78301-a32f-460f-a787-6ee5fd2eb1b5" providerId="ADAL" clId="{2D48EC6C-D21A-4CCB-ABEE-25BBEBCBC3B0}" dt="2021-05-21T02:36:06.618" v="2" actId="2696"/>
          <pc:sldLayoutMkLst>
            <pc:docMk/>
            <pc:sldMasterMk cId="0" sldId="2147483699"/>
            <pc:sldLayoutMk cId="0" sldId="2147483663"/>
          </pc:sldLayoutMkLst>
        </pc:sldLayoutChg>
        <pc:sldLayoutChg chg="del">
          <pc:chgData name="Ronald Tong" userId="26f78301-a32f-460f-a787-6ee5fd2eb1b5" providerId="ADAL" clId="{2D48EC6C-D21A-4CCB-ABEE-25BBEBCBC3B0}" dt="2021-05-21T02:36:06.657" v="3" actId="2696"/>
          <pc:sldLayoutMkLst>
            <pc:docMk/>
            <pc:sldMasterMk cId="0" sldId="2147483699"/>
            <pc:sldLayoutMk cId="0" sldId="2147483664"/>
          </pc:sldLayoutMkLst>
        </pc:sldLayoutChg>
        <pc:sldLayoutChg chg="del">
          <pc:chgData name="Ronald Tong" userId="26f78301-a32f-460f-a787-6ee5fd2eb1b5" providerId="ADAL" clId="{2D48EC6C-D21A-4CCB-ABEE-25BBEBCBC3B0}" dt="2021-05-21T02:36:06.697" v="4" actId="2696"/>
          <pc:sldLayoutMkLst>
            <pc:docMk/>
            <pc:sldMasterMk cId="0" sldId="2147483699"/>
            <pc:sldLayoutMk cId="0" sldId="2147483665"/>
          </pc:sldLayoutMkLst>
        </pc:sldLayoutChg>
        <pc:sldLayoutChg chg="del">
          <pc:chgData name="Ronald Tong" userId="26f78301-a32f-460f-a787-6ee5fd2eb1b5" providerId="ADAL" clId="{2D48EC6C-D21A-4CCB-ABEE-25BBEBCBC3B0}" dt="2021-05-21T02:36:06.722" v="5" actId="2696"/>
          <pc:sldLayoutMkLst>
            <pc:docMk/>
            <pc:sldMasterMk cId="0" sldId="2147483699"/>
            <pc:sldLayoutMk cId="0" sldId="2147483666"/>
          </pc:sldLayoutMkLst>
        </pc:sldLayoutChg>
        <pc:sldLayoutChg chg="del">
          <pc:chgData name="Ronald Tong" userId="26f78301-a32f-460f-a787-6ee5fd2eb1b5" providerId="ADAL" clId="{2D48EC6C-D21A-4CCB-ABEE-25BBEBCBC3B0}" dt="2021-05-21T02:36:06.757" v="6" actId="2696"/>
          <pc:sldLayoutMkLst>
            <pc:docMk/>
            <pc:sldMasterMk cId="0" sldId="2147483699"/>
            <pc:sldLayoutMk cId="0" sldId="2147483667"/>
          </pc:sldLayoutMkLst>
        </pc:sldLayoutChg>
        <pc:sldLayoutChg chg="del">
          <pc:chgData name="Ronald Tong" userId="26f78301-a32f-460f-a787-6ee5fd2eb1b5" providerId="ADAL" clId="{2D48EC6C-D21A-4CCB-ABEE-25BBEBCBC3B0}" dt="2021-05-21T02:36:06.777" v="7" actId="2696"/>
          <pc:sldLayoutMkLst>
            <pc:docMk/>
            <pc:sldMasterMk cId="0" sldId="2147483699"/>
            <pc:sldLayoutMk cId="0" sldId="2147483668"/>
          </pc:sldLayoutMkLst>
        </pc:sldLayoutChg>
        <pc:sldLayoutChg chg="del">
          <pc:chgData name="Ronald Tong" userId="26f78301-a32f-460f-a787-6ee5fd2eb1b5" providerId="ADAL" clId="{2D48EC6C-D21A-4CCB-ABEE-25BBEBCBC3B0}" dt="2021-05-21T02:36:06.821" v="8" actId="2696"/>
          <pc:sldLayoutMkLst>
            <pc:docMk/>
            <pc:sldMasterMk cId="0" sldId="2147483699"/>
            <pc:sldLayoutMk cId="0" sldId="2147483669"/>
          </pc:sldLayoutMkLst>
        </pc:sldLayoutChg>
        <pc:sldLayoutChg chg="del">
          <pc:chgData name="Ronald Tong" userId="26f78301-a32f-460f-a787-6ee5fd2eb1b5" providerId="ADAL" clId="{2D48EC6C-D21A-4CCB-ABEE-25BBEBCBC3B0}" dt="2021-05-21T02:36:06.867" v="9" actId="2696"/>
          <pc:sldLayoutMkLst>
            <pc:docMk/>
            <pc:sldMasterMk cId="0" sldId="2147483699"/>
            <pc:sldLayoutMk cId="0" sldId="2147483670"/>
          </pc:sldLayoutMkLst>
        </pc:sldLayoutChg>
        <pc:sldLayoutChg chg="del">
          <pc:chgData name="Ronald Tong" userId="26f78301-a32f-460f-a787-6ee5fd2eb1b5" providerId="ADAL" clId="{2D48EC6C-D21A-4CCB-ABEE-25BBEBCBC3B0}" dt="2021-05-21T02:36:06.877" v="10" actId="2696"/>
          <pc:sldLayoutMkLst>
            <pc:docMk/>
            <pc:sldMasterMk cId="0" sldId="2147483699"/>
            <pc:sldLayoutMk cId="0" sldId="2147483672"/>
          </pc:sldLayoutMkLst>
        </pc:sldLayoutChg>
        <pc:sldLayoutChg chg="del">
          <pc:chgData name="Ronald Tong" userId="26f78301-a32f-460f-a787-6ee5fd2eb1b5" providerId="ADAL" clId="{2D48EC6C-D21A-4CCB-ABEE-25BBEBCBC3B0}" dt="2021-05-21T02:36:06.919" v="11" actId="2696"/>
          <pc:sldLayoutMkLst>
            <pc:docMk/>
            <pc:sldMasterMk cId="0" sldId="2147483699"/>
            <pc:sldLayoutMk cId="0" sldId="2147483673"/>
          </pc:sldLayoutMkLst>
        </pc:sldLayoutChg>
        <pc:sldLayoutChg chg="del">
          <pc:chgData name="Ronald Tong" userId="26f78301-a32f-460f-a787-6ee5fd2eb1b5" providerId="ADAL" clId="{2D48EC6C-D21A-4CCB-ABEE-25BBEBCBC3B0}" dt="2021-05-21T02:36:06.962" v="12" actId="2696"/>
          <pc:sldLayoutMkLst>
            <pc:docMk/>
            <pc:sldMasterMk cId="0" sldId="2147483699"/>
            <pc:sldLayoutMk cId="0" sldId="2147483674"/>
          </pc:sldLayoutMkLst>
        </pc:sldLayoutChg>
        <pc:sldLayoutChg chg="del">
          <pc:chgData name="Ronald Tong" userId="26f78301-a32f-460f-a787-6ee5fd2eb1b5" providerId="ADAL" clId="{2D48EC6C-D21A-4CCB-ABEE-25BBEBCBC3B0}" dt="2021-05-21T02:36:06.987" v="13" actId="2696"/>
          <pc:sldLayoutMkLst>
            <pc:docMk/>
            <pc:sldMasterMk cId="0" sldId="2147483699"/>
            <pc:sldLayoutMk cId="0" sldId="2147483675"/>
          </pc:sldLayoutMkLst>
        </pc:sldLayoutChg>
        <pc:sldLayoutChg chg="del">
          <pc:chgData name="Ronald Tong" userId="26f78301-a32f-460f-a787-6ee5fd2eb1b5" providerId="ADAL" clId="{2D48EC6C-D21A-4CCB-ABEE-25BBEBCBC3B0}" dt="2021-05-21T02:36:07.022" v="14" actId="2696"/>
          <pc:sldLayoutMkLst>
            <pc:docMk/>
            <pc:sldMasterMk cId="0" sldId="2147483699"/>
            <pc:sldLayoutMk cId="0" sldId="2147483676"/>
          </pc:sldLayoutMkLst>
        </pc:sldLayoutChg>
        <pc:sldLayoutChg chg="del">
          <pc:chgData name="Ronald Tong" userId="26f78301-a32f-460f-a787-6ee5fd2eb1b5" providerId="ADAL" clId="{2D48EC6C-D21A-4CCB-ABEE-25BBEBCBC3B0}" dt="2021-05-21T02:36:07.067" v="15" actId="2696"/>
          <pc:sldLayoutMkLst>
            <pc:docMk/>
            <pc:sldMasterMk cId="0" sldId="2147483699"/>
            <pc:sldLayoutMk cId="0" sldId="2147483677"/>
          </pc:sldLayoutMkLst>
        </pc:sldLayoutChg>
        <pc:sldLayoutChg chg="del">
          <pc:chgData name="Ronald Tong" userId="26f78301-a32f-460f-a787-6ee5fd2eb1b5" providerId="ADAL" clId="{2D48EC6C-D21A-4CCB-ABEE-25BBEBCBC3B0}" dt="2021-05-21T02:36:07.086" v="16" actId="2696"/>
          <pc:sldLayoutMkLst>
            <pc:docMk/>
            <pc:sldMasterMk cId="0" sldId="2147483699"/>
            <pc:sldLayoutMk cId="0" sldId="2147483678"/>
          </pc:sldLayoutMkLst>
        </pc:sldLayoutChg>
        <pc:sldLayoutChg chg="del">
          <pc:chgData name="Ronald Tong" userId="26f78301-a32f-460f-a787-6ee5fd2eb1b5" providerId="ADAL" clId="{2D48EC6C-D21A-4CCB-ABEE-25BBEBCBC3B0}" dt="2021-05-21T02:36:07.117" v="17" actId="2696"/>
          <pc:sldLayoutMkLst>
            <pc:docMk/>
            <pc:sldMasterMk cId="0" sldId="2147483699"/>
            <pc:sldLayoutMk cId="0" sldId="2147483679"/>
          </pc:sldLayoutMkLst>
        </pc:sldLayoutChg>
        <pc:sldLayoutChg chg="del">
          <pc:chgData name="Ronald Tong" userId="26f78301-a32f-460f-a787-6ee5fd2eb1b5" providerId="ADAL" clId="{2D48EC6C-D21A-4CCB-ABEE-25BBEBCBC3B0}" dt="2021-05-21T02:36:07.157" v="18" actId="2696"/>
          <pc:sldLayoutMkLst>
            <pc:docMk/>
            <pc:sldMasterMk cId="0" sldId="2147483699"/>
            <pc:sldLayoutMk cId="0" sldId="2147483680"/>
          </pc:sldLayoutMkLst>
        </pc:sldLayoutChg>
        <pc:sldLayoutChg chg="del">
          <pc:chgData name="Ronald Tong" userId="26f78301-a32f-460f-a787-6ee5fd2eb1b5" providerId="ADAL" clId="{2D48EC6C-D21A-4CCB-ABEE-25BBEBCBC3B0}" dt="2021-05-21T02:36:07.176" v="19" actId="2696"/>
          <pc:sldLayoutMkLst>
            <pc:docMk/>
            <pc:sldMasterMk cId="0" sldId="2147483699"/>
            <pc:sldLayoutMk cId="0" sldId="2147483681"/>
          </pc:sldLayoutMkLst>
        </pc:sldLayoutChg>
        <pc:sldLayoutChg chg="del">
          <pc:chgData name="Ronald Tong" userId="26f78301-a32f-460f-a787-6ee5fd2eb1b5" providerId="ADAL" clId="{2D48EC6C-D21A-4CCB-ABEE-25BBEBCBC3B0}" dt="2021-05-21T02:36:07.227" v="20" actId="2696"/>
          <pc:sldLayoutMkLst>
            <pc:docMk/>
            <pc:sldMasterMk cId="0" sldId="2147483699"/>
            <pc:sldLayoutMk cId="0" sldId="2147483682"/>
          </pc:sldLayoutMkLst>
        </pc:sldLayoutChg>
        <pc:sldLayoutChg chg="del">
          <pc:chgData name="Ronald Tong" userId="26f78301-a32f-460f-a787-6ee5fd2eb1b5" providerId="ADAL" clId="{2D48EC6C-D21A-4CCB-ABEE-25BBEBCBC3B0}" dt="2021-05-21T02:36:07.266" v="21" actId="2696"/>
          <pc:sldLayoutMkLst>
            <pc:docMk/>
            <pc:sldMasterMk cId="0" sldId="2147483699"/>
            <pc:sldLayoutMk cId="0" sldId="2147483683"/>
          </pc:sldLayoutMkLst>
        </pc:sldLayoutChg>
        <pc:sldLayoutChg chg="del">
          <pc:chgData name="Ronald Tong" userId="26f78301-a32f-460f-a787-6ee5fd2eb1b5" providerId="ADAL" clId="{2D48EC6C-D21A-4CCB-ABEE-25BBEBCBC3B0}" dt="2021-05-21T02:36:07.276" v="22" actId="2696"/>
          <pc:sldLayoutMkLst>
            <pc:docMk/>
            <pc:sldMasterMk cId="0" sldId="2147483699"/>
            <pc:sldLayoutMk cId="0" sldId="2147483684"/>
          </pc:sldLayoutMkLst>
        </pc:sldLayoutChg>
        <pc:sldLayoutChg chg="del">
          <pc:chgData name="Ronald Tong" userId="26f78301-a32f-460f-a787-6ee5fd2eb1b5" providerId="ADAL" clId="{2D48EC6C-D21A-4CCB-ABEE-25BBEBCBC3B0}" dt="2021-05-21T02:36:07.317" v="23" actId="2696"/>
          <pc:sldLayoutMkLst>
            <pc:docMk/>
            <pc:sldMasterMk cId="0" sldId="2147483699"/>
            <pc:sldLayoutMk cId="0" sldId="2147483685"/>
          </pc:sldLayoutMkLst>
        </pc:sldLayoutChg>
        <pc:sldLayoutChg chg="del">
          <pc:chgData name="Ronald Tong" userId="26f78301-a32f-460f-a787-6ee5fd2eb1b5" providerId="ADAL" clId="{2D48EC6C-D21A-4CCB-ABEE-25BBEBCBC3B0}" dt="2021-05-21T02:36:07.357" v="24" actId="2696"/>
          <pc:sldLayoutMkLst>
            <pc:docMk/>
            <pc:sldMasterMk cId="0" sldId="2147483699"/>
            <pc:sldLayoutMk cId="0" sldId="2147483686"/>
          </pc:sldLayoutMkLst>
        </pc:sldLayoutChg>
        <pc:sldLayoutChg chg="del">
          <pc:chgData name="Ronald Tong" userId="26f78301-a32f-460f-a787-6ee5fd2eb1b5" providerId="ADAL" clId="{2D48EC6C-D21A-4CCB-ABEE-25BBEBCBC3B0}" dt="2021-05-21T02:36:07.397" v="25" actId="2696"/>
          <pc:sldLayoutMkLst>
            <pc:docMk/>
            <pc:sldMasterMk cId="0" sldId="2147483699"/>
            <pc:sldLayoutMk cId="0" sldId="2147483687"/>
          </pc:sldLayoutMkLst>
        </pc:sldLayoutChg>
        <pc:sldLayoutChg chg="del">
          <pc:chgData name="Ronald Tong" userId="26f78301-a32f-460f-a787-6ee5fd2eb1b5" providerId="ADAL" clId="{2D48EC6C-D21A-4CCB-ABEE-25BBEBCBC3B0}" dt="2021-05-21T02:36:07.427" v="26" actId="2696"/>
          <pc:sldLayoutMkLst>
            <pc:docMk/>
            <pc:sldMasterMk cId="0" sldId="2147483699"/>
            <pc:sldLayoutMk cId="0" sldId="2147483688"/>
          </pc:sldLayoutMkLst>
        </pc:sldLayoutChg>
        <pc:sldLayoutChg chg="del">
          <pc:chgData name="Ronald Tong" userId="26f78301-a32f-460f-a787-6ee5fd2eb1b5" providerId="ADAL" clId="{2D48EC6C-D21A-4CCB-ABEE-25BBEBCBC3B0}" dt="2021-05-21T02:36:08.521" v="27" actId="2696"/>
          <pc:sldLayoutMkLst>
            <pc:docMk/>
            <pc:sldMasterMk cId="0" sldId="2147483699"/>
            <pc:sldLayoutMk cId="0" sldId="2147483690"/>
          </pc:sldLayoutMkLst>
        </pc:sldLayoutChg>
        <pc:sldLayoutChg chg="del">
          <pc:chgData name="Ronald Tong" userId="26f78301-a32f-460f-a787-6ee5fd2eb1b5" providerId="ADAL" clId="{2D48EC6C-D21A-4CCB-ABEE-25BBEBCBC3B0}" dt="2021-05-21T02:36:09.045" v="28" actId="2696"/>
          <pc:sldLayoutMkLst>
            <pc:docMk/>
            <pc:sldMasterMk cId="0" sldId="2147483699"/>
            <pc:sldLayoutMk cId="0" sldId="2147483691"/>
          </pc:sldLayoutMkLst>
        </pc:sldLayoutChg>
        <pc:sldLayoutChg chg="del">
          <pc:chgData name="Ronald Tong" userId="26f78301-a32f-460f-a787-6ee5fd2eb1b5" providerId="ADAL" clId="{2D48EC6C-D21A-4CCB-ABEE-25BBEBCBC3B0}" dt="2021-05-21T02:36:09.085" v="29" actId="2696"/>
          <pc:sldLayoutMkLst>
            <pc:docMk/>
            <pc:sldMasterMk cId="0" sldId="2147483699"/>
            <pc:sldLayoutMk cId="0" sldId="2147483692"/>
          </pc:sldLayoutMkLst>
        </pc:sldLayoutChg>
        <pc:sldLayoutChg chg="del">
          <pc:chgData name="Ronald Tong" userId="26f78301-a32f-460f-a787-6ee5fd2eb1b5" providerId="ADAL" clId="{2D48EC6C-D21A-4CCB-ABEE-25BBEBCBC3B0}" dt="2021-05-21T02:36:09.104" v="30" actId="2696"/>
          <pc:sldLayoutMkLst>
            <pc:docMk/>
            <pc:sldMasterMk cId="0" sldId="2147483699"/>
            <pc:sldLayoutMk cId="0" sldId="2147483693"/>
          </pc:sldLayoutMkLst>
        </pc:sldLayoutChg>
        <pc:sldLayoutChg chg="del">
          <pc:chgData name="Ronald Tong" userId="26f78301-a32f-460f-a787-6ee5fd2eb1b5" providerId="ADAL" clId="{2D48EC6C-D21A-4CCB-ABEE-25BBEBCBC3B0}" dt="2021-05-21T02:36:09.144" v="31" actId="2696"/>
          <pc:sldLayoutMkLst>
            <pc:docMk/>
            <pc:sldMasterMk cId="0" sldId="2147483699"/>
            <pc:sldLayoutMk cId="0" sldId="2147483694"/>
          </pc:sldLayoutMkLst>
        </pc:sldLayoutChg>
        <pc:sldLayoutChg chg="del">
          <pc:chgData name="Ronald Tong" userId="26f78301-a32f-460f-a787-6ee5fd2eb1b5" providerId="ADAL" clId="{2D48EC6C-D21A-4CCB-ABEE-25BBEBCBC3B0}" dt="2021-05-21T02:36:09.155" v="32" actId="2696"/>
          <pc:sldLayoutMkLst>
            <pc:docMk/>
            <pc:sldMasterMk cId="0" sldId="2147483699"/>
            <pc:sldLayoutMk cId="0" sldId="2147483695"/>
          </pc:sldLayoutMkLst>
        </pc:sldLayoutChg>
        <pc:sldLayoutChg chg="del">
          <pc:chgData name="Ronald Tong" userId="26f78301-a32f-460f-a787-6ee5fd2eb1b5" providerId="ADAL" clId="{2D48EC6C-D21A-4CCB-ABEE-25BBEBCBC3B0}" dt="2021-05-21T02:36:09.205" v="33" actId="2696"/>
          <pc:sldLayoutMkLst>
            <pc:docMk/>
            <pc:sldMasterMk cId="0" sldId="2147483699"/>
            <pc:sldLayoutMk cId="0" sldId="2147483696"/>
          </pc:sldLayoutMkLst>
        </pc:sldLayoutChg>
        <pc:sldLayoutChg chg="del">
          <pc:chgData name="Ronald Tong" userId="26f78301-a32f-460f-a787-6ee5fd2eb1b5" providerId="ADAL" clId="{2D48EC6C-D21A-4CCB-ABEE-25BBEBCBC3B0}" dt="2021-05-21T02:36:09.235" v="34" actId="2696"/>
          <pc:sldLayoutMkLst>
            <pc:docMk/>
            <pc:sldMasterMk cId="0" sldId="2147483699"/>
            <pc:sldLayoutMk cId="0" sldId="2147483697"/>
          </pc:sldLayoutMkLst>
        </pc:sldLayoutChg>
      </pc:sldMasterChg>
    </pc:docChg>
  </pc:docChgLst>
  <pc:docChgLst>
    <pc:chgData name="Ronald Tong" userId="26f78301-a32f-460f-a787-6ee5fd2eb1b5" providerId="ADAL" clId="{08908FAF-1236-4920-84D8-01E0762FA9B1}"/>
    <pc:docChg chg="delSld">
      <pc:chgData name="Ronald Tong" userId="26f78301-a32f-460f-a787-6ee5fd2eb1b5" providerId="ADAL" clId="{08908FAF-1236-4920-84D8-01E0762FA9B1}" dt="2021-05-21T04:42:34.886" v="5" actId="47"/>
      <pc:docMkLst>
        <pc:docMk/>
      </pc:docMkLst>
      <pc:sldChg chg="del">
        <pc:chgData name="Ronald Tong" userId="26f78301-a32f-460f-a787-6ee5fd2eb1b5" providerId="ADAL" clId="{08908FAF-1236-4920-84D8-01E0762FA9B1}" dt="2021-05-21T04:42:30.187" v="1" actId="47"/>
        <pc:sldMkLst>
          <pc:docMk/>
          <pc:sldMk cId="0" sldId="260"/>
        </pc:sldMkLst>
      </pc:sldChg>
      <pc:sldChg chg="del">
        <pc:chgData name="Ronald Tong" userId="26f78301-a32f-460f-a787-6ee5fd2eb1b5" providerId="ADAL" clId="{08908FAF-1236-4920-84D8-01E0762FA9B1}" dt="2021-05-21T04:42:30.916" v="2" actId="47"/>
        <pc:sldMkLst>
          <pc:docMk/>
          <pc:sldMk cId="0" sldId="261"/>
        </pc:sldMkLst>
      </pc:sldChg>
      <pc:sldChg chg="del">
        <pc:chgData name="Ronald Tong" userId="26f78301-a32f-460f-a787-6ee5fd2eb1b5" providerId="ADAL" clId="{08908FAF-1236-4920-84D8-01E0762FA9B1}" dt="2021-05-21T04:42:33.436" v="4" actId="47"/>
        <pc:sldMkLst>
          <pc:docMk/>
          <pc:sldMk cId="0" sldId="262"/>
        </pc:sldMkLst>
      </pc:sldChg>
      <pc:sldChg chg="del">
        <pc:chgData name="Ronald Tong" userId="26f78301-a32f-460f-a787-6ee5fd2eb1b5" providerId="ADAL" clId="{08908FAF-1236-4920-84D8-01E0762FA9B1}" dt="2021-05-21T04:42:31.734" v="3" actId="47"/>
        <pc:sldMkLst>
          <pc:docMk/>
          <pc:sldMk cId="3701866374" sldId="265"/>
        </pc:sldMkLst>
      </pc:sldChg>
      <pc:sldChg chg="del">
        <pc:chgData name="Ronald Tong" userId="26f78301-a32f-460f-a787-6ee5fd2eb1b5" providerId="ADAL" clId="{08908FAF-1236-4920-84D8-01E0762FA9B1}" dt="2021-05-21T04:42:27.741" v="0" actId="47"/>
        <pc:sldMkLst>
          <pc:docMk/>
          <pc:sldMk cId="4244031885" sldId="271"/>
        </pc:sldMkLst>
      </pc:sldChg>
      <pc:sldChg chg="del">
        <pc:chgData name="Ronald Tong" userId="26f78301-a32f-460f-a787-6ee5fd2eb1b5" providerId="ADAL" clId="{08908FAF-1236-4920-84D8-01E0762FA9B1}" dt="2021-05-21T04:42:34.886" v="5" actId="47"/>
        <pc:sldMkLst>
          <pc:docMk/>
          <pc:sldMk cId="2439781569" sldId="277"/>
        </pc:sldMkLst>
      </pc:sldChg>
      <pc:sldMasterChg chg="delSldLayout">
        <pc:chgData name="Ronald Tong" userId="26f78301-a32f-460f-a787-6ee5fd2eb1b5" providerId="ADAL" clId="{08908FAF-1236-4920-84D8-01E0762FA9B1}" dt="2021-05-21T04:42:33.436" v="4" actId="47"/>
        <pc:sldMasterMkLst>
          <pc:docMk/>
          <pc:sldMasterMk cId="0" sldId="2147483699"/>
        </pc:sldMasterMkLst>
        <pc:sldLayoutChg chg="del">
          <pc:chgData name="Ronald Tong" userId="26f78301-a32f-460f-a787-6ee5fd2eb1b5" providerId="ADAL" clId="{08908FAF-1236-4920-84D8-01E0762FA9B1}" dt="2021-05-21T04:42:33.436" v="4" actId="47"/>
          <pc:sldLayoutMkLst>
            <pc:docMk/>
            <pc:sldMasterMk cId="0" sldId="2147483699"/>
            <pc:sldLayoutMk cId="0" sldId="2147483660"/>
          </pc:sldLayoutMkLst>
        </pc:sldLayoutChg>
      </pc:sldMasterChg>
    </pc:docChg>
  </pc:docChgLst>
  <pc:docChgLst>
    <pc:chgData name="Ronald Tong" userId="26f78301-a32f-460f-a787-6ee5fd2eb1b5" providerId="ADAL" clId="{721A145E-3A8D-45C8-AD7E-0F82749E06F2}"/>
    <pc:docChg chg="custSel addSld modSld">
      <pc:chgData name="Ronald Tong" userId="26f78301-a32f-460f-a787-6ee5fd2eb1b5" providerId="ADAL" clId="{721A145E-3A8D-45C8-AD7E-0F82749E06F2}" dt="2021-05-21T01:54:26.324" v="13" actId="692"/>
      <pc:docMkLst>
        <pc:docMk/>
      </pc:docMkLst>
      <pc:sldChg chg="addSp delSp modSp mod">
        <pc:chgData name="Ronald Tong" userId="26f78301-a32f-460f-a787-6ee5fd2eb1b5" providerId="ADAL" clId="{721A145E-3A8D-45C8-AD7E-0F82749E06F2}" dt="2021-05-21T01:54:26.324" v="13" actId="692"/>
        <pc:sldMkLst>
          <pc:docMk/>
          <pc:sldMk cId="2659065634" sldId="267"/>
        </pc:sldMkLst>
        <pc:spChg chg="del">
          <ac:chgData name="Ronald Tong" userId="26f78301-a32f-460f-a787-6ee5fd2eb1b5" providerId="ADAL" clId="{721A145E-3A8D-45C8-AD7E-0F82749E06F2}" dt="2021-05-21T01:53:31.824" v="5" actId="478"/>
          <ac:spMkLst>
            <pc:docMk/>
            <pc:sldMk cId="2659065634" sldId="267"/>
            <ac:spMk id="3" creationId="{B8B90109-856F-49F1-A890-D7D639B948ED}"/>
          </ac:spMkLst>
        </pc:spChg>
        <pc:spChg chg="del">
          <ac:chgData name="Ronald Tong" userId="26f78301-a32f-460f-a787-6ee5fd2eb1b5" providerId="ADAL" clId="{721A145E-3A8D-45C8-AD7E-0F82749E06F2}" dt="2021-05-21T01:53:31.824" v="5" actId="478"/>
          <ac:spMkLst>
            <pc:docMk/>
            <pc:sldMk cId="2659065634" sldId="267"/>
            <ac:spMk id="4" creationId="{F34EA307-2F5D-42FB-99BB-B7C510669730}"/>
          </ac:spMkLst>
        </pc:spChg>
        <pc:spChg chg="add del mod">
          <ac:chgData name="Ronald Tong" userId="26f78301-a32f-460f-a787-6ee5fd2eb1b5" providerId="ADAL" clId="{721A145E-3A8D-45C8-AD7E-0F82749E06F2}" dt="2021-05-21T01:53:35.693" v="7" actId="478"/>
          <ac:spMkLst>
            <pc:docMk/>
            <pc:sldMk cId="2659065634" sldId="267"/>
            <ac:spMk id="6" creationId="{94AF805C-35DA-48B4-BF19-8210D11DD2E4}"/>
          </ac:spMkLst>
        </pc:spChg>
        <pc:spChg chg="del">
          <ac:chgData name="Ronald Tong" userId="26f78301-a32f-460f-a787-6ee5fd2eb1b5" providerId="ADAL" clId="{721A145E-3A8D-45C8-AD7E-0F82749E06F2}" dt="2021-05-21T01:53:31.824" v="5" actId="478"/>
          <ac:spMkLst>
            <pc:docMk/>
            <pc:sldMk cId="2659065634" sldId="267"/>
            <ac:spMk id="7" creationId="{2E192B8A-372C-4D0A-B427-94657CDDBBEC}"/>
          </ac:spMkLst>
        </pc:spChg>
        <pc:spChg chg="add mod">
          <ac:chgData name="Ronald Tong" userId="26f78301-a32f-460f-a787-6ee5fd2eb1b5" providerId="ADAL" clId="{721A145E-3A8D-45C8-AD7E-0F82749E06F2}" dt="2021-05-21T01:54:26.324" v="13" actId="692"/>
          <ac:spMkLst>
            <pc:docMk/>
            <pc:sldMk cId="2659065634" sldId="267"/>
            <ac:spMk id="9" creationId="{063FE92F-FAEA-4BDD-B5BC-B0767F6924A5}"/>
          </ac:spMkLst>
        </pc:spChg>
        <pc:picChg chg="del">
          <ac:chgData name="Ronald Tong" userId="26f78301-a32f-460f-a787-6ee5fd2eb1b5" providerId="ADAL" clId="{721A145E-3A8D-45C8-AD7E-0F82749E06F2}" dt="2021-05-21T01:53:31.824" v="5" actId="478"/>
          <ac:picMkLst>
            <pc:docMk/>
            <pc:sldMk cId="2659065634" sldId="267"/>
            <ac:picMk id="2" creationId="{57884430-0FBC-4478-B63E-6DA178E3C6D2}"/>
          </ac:picMkLst>
        </pc:picChg>
        <pc:picChg chg="add mod">
          <ac:chgData name="Ronald Tong" userId="26f78301-a32f-460f-a787-6ee5fd2eb1b5" providerId="ADAL" clId="{721A145E-3A8D-45C8-AD7E-0F82749E06F2}" dt="2021-05-21T01:53:37.737" v="8" actId="1076"/>
          <ac:picMkLst>
            <pc:docMk/>
            <pc:sldMk cId="2659065634" sldId="267"/>
            <ac:picMk id="5" creationId="{0F228ADC-86AE-4F1E-8930-F1F408247B55}"/>
          </ac:picMkLst>
        </pc:picChg>
        <pc:picChg chg="del">
          <ac:chgData name="Ronald Tong" userId="26f78301-a32f-460f-a787-6ee5fd2eb1b5" providerId="ADAL" clId="{721A145E-3A8D-45C8-AD7E-0F82749E06F2}" dt="2021-05-21T01:53:31.824" v="5" actId="478"/>
          <ac:picMkLst>
            <pc:docMk/>
            <pc:sldMk cId="2659065634" sldId="267"/>
            <ac:picMk id="11" creationId="{EA792D62-0DA0-4B4F-9F41-71D1A373E96F}"/>
          </ac:picMkLst>
        </pc:picChg>
      </pc:sldChg>
      <pc:sldChg chg="delSp add mod">
        <pc:chgData name="Ronald Tong" userId="26f78301-a32f-460f-a787-6ee5fd2eb1b5" providerId="ADAL" clId="{721A145E-3A8D-45C8-AD7E-0F82749E06F2}" dt="2021-05-21T01:53:26.715" v="2" actId="478"/>
        <pc:sldMkLst>
          <pc:docMk/>
          <pc:sldMk cId="2085408971" sldId="286"/>
        </pc:sldMkLst>
        <pc:picChg chg="del">
          <ac:chgData name="Ronald Tong" userId="26f78301-a32f-460f-a787-6ee5fd2eb1b5" providerId="ADAL" clId="{721A145E-3A8D-45C8-AD7E-0F82749E06F2}" dt="2021-05-21T01:53:26.715" v="2" actId="478"/>
          <ac:picMkLst>
            <pc:docMk/>
            <pc:sldMk cId="2085408971" sldId="286"/>
            <ac:picMk id="5" creationId="{0F228ADC-86AE-4F1E-8930-F1F408247B55}"/>
          </ac:picMkLst>
        </pc:picChg>
      </pc:sldChg>
    </pc:docChg>
  </pc:docChgLst>
  <pc:docChgLst>
    <pc:chgData name="Ronald Tong" userId="26f78301-a32f-460f-a787-6ee5fd2eb1b5" providerId="ADAL" clId="{24E0415F-EA56-4317-B140-15666E98736F}"/>
    <pc:docChg chg="undo custSel addSld modSld sldOrd">
      <pc:chgData name="Ronald Tong" userId="26f78301-a32f-460f-a787-6ee5fd2eb1b5" providerId="ADAL" clId="{24E0415F-EA56-4317-B140-15666E98736F}" dt="2021-05-20T07:05:45.591" v="1735" actId="20577"/>
      <pc:docMkLst>
        <pc:docMk/>
      </pc:docMkLst>
      <pc:sldChg chg="addSp delSp modSp mod">
        <pc:chgData name="Ronald Tong" userId="26f78301-a32f-460f-a787-6ee5fd2eb1b5" providerId="ADAL" clId="{24E0415F-EA56-4317-B140-15666E98736F}" dt="2021-05-20T06:23:48.217" v="865" actId="113"/>
        <pc:sldMkLst>
          <pc:docMk/>
          <pc:sldMk cId="0" sldId="257"/>
        </pc:sldMkLst>
        <pc:spChg chg="add del mod">
          <ac:chgData name="Ronald Tong" userId="26f78301-a32f-460f-a787-6ee5fd2eb1b5" providerId="ADAL" clId="{24E0415F-EA56-4317-B140-15666E98736F}" dt="2021-05-20T06:05:42.429" v="108" actId="478"/>
          <ac:spMkLst>
            <pc:docMk/>
            <pc:sldMk cId="0" sldId="257"/>
            <ac:spMk id="3" creationId="{443422EC-CA0A-4F9E-950F-A30775329148}"/>
          </ac:spMkLst>
        </pc:spChg>
        <pc:spChg chg="del">
          <ac:chgData name="Ronald Tong" userId="26f78301-a32f-460f-a787-6ee5fd2eb1b5" providerId="ADAL" clId="{24E0415F-EA56-4317-B140-15666E98736F}" dt="2021-05-20T06:05:40.937" v="107" actId="478"/>
          <ac:spMkLst>
            <pc:docMk/>
            <pc:sldMk cId="0" sldId="257"/>
            <ac:spMk id="364" creationId="{00000000-0000-0000-0000-000000000000}"/>
          </ac:spMkLst>
        </pc:spChg>
        <pc:spChg chg="mod">
          <ac:chgData name="Ronald Tong" userId="26f78301-a32f-460f-a787-6ee5fd2eb1b5" providerId="ADAL" clId="{24E0415F-EA56-4317-B140-15666E98736F}" dt="2021-05-20T06:23:48.217" v="865" actId="113"/>
          <ac:spMkLst>
            <pc:docMk/>
            <pc:sldMk cId="0" sldId="257"/>
            <ac:spMk id="365" creationId="{00000000-0000-0000-0000-000000000000}"/>
          </ac:spMkLst>
        </pc:spChg>
        <pc:picChg chg="add mod">
          <ac:chgData name="Ronald Tong" userId="26f78301-a32f-460f-a787-6ee5fd2eb1b5" providerId="ADAL" clId="{24E0415F-EA56-4317-B140-15666E98736F}" dt="2021-05-20T06:05:48.467" v="110" actId="1076"/>
          <ac:picMkLst>
            <pc:docMk/>
            <pc:sldMk cId="0" sldId="257"/>
            <ac:picMk id="6" creationId="{DC62CF9F-54A2-4094-825A-C4E0BAC465EC}"/>
          </ac:picMkLst>
        </pc:picChg>
        <pc:picChg chg="add del mod">
          <ac:chgData name="Ronald Tong" userId="26f78301-a32f-460f-a787-6ee5fd2eb1b5" providerId="ADAL" clId="{24E0415F-EA56-4317-B140-15666E98736F}" dt="2021-05-20T06:15:10.356" v="624" actId="21"/>
          <ac:picMkLst>
            <pc:docMk/>
            <pc:sldMk cId="0" sldId="257"/>
            <ac:picMk id="1026" creationId="{C8435CEF-A89C-4467-9FC9-1E28BE419AA1}"/>
          </ac:picMkLst>
        </pc:picChg>
        <pc:picChg chg="del">
          <ac:chgData name="Ronald Tong" userId="26f78301-a32f-460f-a787-6ee5fd2eb1b5" providerId="ADAL" clId="{24E0415F-EA56-4317-B140-15666E98736F}" dt="2021-05-20T05:54:49.153" v="74" actId="478"/>
          <ac:picMkLst>
            <pc:docMk/>
            <pc:sldMk cId="0" sldId="257"/>
            <ac:picMk id="7170" creationId="{D519AE43-328D-4E35-AFED-64ED05C2288B}"/>
          </ac:picMkLst>
        </pc:picChg>
      </pc:sldChg>
      <pc:sldChg chg="addSp delSp modSp mod ord">
        <pc:chgData name="Ronald Tong" userId="26f78301-a32f-460f-a787-6ee5fd2eb1b5" providerId="ADAL" clId="{24E0415F-EA56-4317-B140-15666E98736F}" dt="2021-05-20T06:34:54.590" v="972"/>
        <pc:sldMkLst>
          <pc:docMk/>
          <pc:sldMk cId="2659065634" sldId="267"/>
        </pc:sldMkLst>
        <pc:spChg chg="add mod">
          <ac:chgData name="Ronald Tong" userId="26f78301-a32f-460f-a787-6ee5fd2eb1b5" providerId="ADAL" clId="{24E0415F-EA56-4317-B140-15666E98736F}" dt="2021-05-20T06:34:54.590" v="972"/>
          <ac:spMkLst>
            <pc:docMk/>
            <pc:sldMk cId="2659065634" sldId="267"/>
            <ac:spMk id="3" creationId="{B8B90109-856F-49F1-A890-D7D639B948ED}"/>
          </ac:spMkLst>
        </pc:spChg>
        <pc:spChg chg="mod">
          <ac:chgData name="Ronald Tong" userId="26f78301-a32f-460f-a787-6ee5fd2eb1b5" providerId="ADAL" clId="{24E0415F-EA56-4317-B140-15666E98736F}" dt="2021-05-20T06:23:41.574" v="864" actId="113"/>
          <ac:spMkLst>
            <pc:docMk/>
            <pc:sldMk cId="2659065634" sldId="267"/>
            <ac:spMk id="4" creationId="{F34EA307-2F5D-42FB-99BB-B7C510669730}"/>
          </ac:spMkLst>
        </pc:spChg>
        <pc:spChg chg="del">
          <ac:chgData name="Ronald Tong" userId="26f78301-a32f-460f-a787-6ee5fd2eb1b5" providerId="ADAL" clId="{24E0415F-EA56-4317-B140-15666E98736F}" dt="2021-05-20T06:06:40.364" v="117" actId="478"/>
          <ac:spMkLst>
            <pc:docMk/>
            <pc:sldMk cId="2659065634" sldId="267"/>
            <ac:spMk id="6" creationId="{02333093-EDF1-466D-A5C4-E3EAF8F078AF}"/>
          </ac:spMkLst>
        </pc:spChg>
        <pc:spChg chg="add mod">
          <ac:chgData name="Ronald Tong" userId="26f78301-a32f-460f-a787-6ee5fd2eb1b5" providerId="ADAL" clId="{24E0415F-EA56-4317-B140-15666E98736F}" dt="2021-05-20T06:32:48.205" v="966" actId="20577"/>
          <ac:spMkLst>
            <pc:docMk/>
            <pc:sldMk cId="2659065634" sldId="267"/>
            <ac:spMk id="7" creationId="{2E192B8A-372C-4D0A-B427-94657CDDBBEC}"/>
          </ac:spMkLst>
        </pc:spChg>
        <pc:spChg chg="del">
          <ac:chgData name="Ronald Tong" userId="26f78301-a32f-460f-a787-6ee5fd2eb1b5" providerId="ADAL" clId="{24E0415F-EA56-4317-B140-15666E98736F}" dt="2021-05-20T06:06:36.630" v="115" actId="478"/>
          <ac:spMkLst>
            <pc:docMk/>
            <pc:sldMk cId="2659065634" sldId="267"/>
            <ac:spMk id="8" creationId="{3A5B9886-BA64-4B3A-9835-FCA552A08F02}"/>
          </ac:spMkLst>
        </pc:spChg>
        <pc:spChg chg="del">
          <ac:chgData name="Ronald Tong" userId="26f78301-a32f-460f-a787-6ee5fd2eb1b5" providerId="ADAL" clId="{24E0415F-EA56-4317-B140-15666E98736F}" dt="2021-05-20T06:06:38.364" v="116" actId="478"/>
          <ac:spMkLst>
            <pc:docMk/>
            <pc:sldMk cId="2659065634" sldId="267"/>
            <ac:spMk id="9" creationId="{44C55F01-2993-4644-B15B-72CD51001F77}"/>
          </ac:spMkLst>
        </pc:spChg>
        <pc:spChg chg="del">
          <ac:chgData name="Ronald Tong" userId="26f78301-a32f-460f-a787-6ee5fd2eb1b5" providerId="ADAL" clId="{24E0415F-EA56-4317-B140-15666E98736F}" dt="2021-05-20T06:06:36.329" v="114" actId="478"/>
          <ac:spMkLst>
            <pc:docMk/>
            <pc:sldMk cId="2659065634" sldId="267"/>
            <ac:spMk id="10" creationId="{C5CC95F6-4239-4276-B27C-536A286F97B8}"/>
          </ac:spMkLst>
        </pc:spChg>
        <pc:picChg chg="add mod">
          <ac:chgData name="Ronald Tong" userId="26f78301-a32f-460f-a787-6ee5fd2eb1b5" providerId="ADAL" clId="{24E0415F-EA56-4317-B140-15666E98736F}" dt="2021-05-20T06:17:02.569" v="643" actId="14100"/>
          <ac:picMkLst>
            <pc:docMk/>
            <pc:sldMk cId="2659065634" sldId="267"/>
            <ac:picMk id="2" creationId="{57884430-0FBC-4478-B63E-6DA178E3C6D2}"/>
          </ac:picMkLst>
        </pc:picChg>
        <pc:picChg chg="add mod">
          <ac:chgData name="Ronald Tong" userId="26f78301-a32f-460f-a787-6ee5fd2eb1b5" providerId="ADAL" clId="{24E0415F-EA56-4317-B140-15666E98736F}" dt="2021-05-20T06:17:09.562" v="645" actId="1076"/>
          <ac:picMkLst>
            <pc:docMk/>
            <pc:sldMk cId="2659065634" sldId="267"/>
            <ac:picMk id="11" creationId="{EA792D62-0DA0-4B4F-9F41-71D1A373E96F}"/>
          </ac:picMkLst>
        </pc:picChg>
      </pc:sldChg>
      <pc:sldChg chg="modSp mod">
        <pc:chgData name="Ronald Tong" userId="26f78301-a32f-460f-a787-6ee5fd2eb1b5" providerId="ADAL" clId="{24E0415F-EA56-4317-B140-15666E98736F}" dt="2021-05-20T02:24:17.238" v="73" actId="20577"/>
        <pc:sldMkLst>
          <pc:docMk/>
          <pc:sldMk cId="1839851465" sldId="280"/>
        </pc:sldMkLst>
        <pc:spChg chg="mod">
          <ac:chgData name="Ronald Tong" userId="26f78301-a32f-460f-a787-6ee5fd2eb1b5" providerId="ADAL" clId="{24E0415F-EA56-4317-B140-15666E98736F}" dt="2021-05-20T02:24:17.238" v="73" actId="20577"/>
          <ac:spMkLst>
            <pc:docMk/>
            <pc:sldMk cId="1839851465" sldId="280"/>
            <ac:spMk id="4" creationId="{CA26C321-B3BA-4A8F-AC40-3ECB05B893C0}"/>
          </ac:spMkLst>
        </pc:spChg>
      </pc:sldChg>
      <pc:sldChg chg="add">
        <pc:chgData name="Ronald Tong" userId="26f78301-a32f-460f-a787-6ee5fd2eb1b5" providerId="ADAL" clId="{24E0415F-EA56-4317-B140-15666E98736F}" dt="2021-05-20T06:06:09.527" v="111"/>
        <pc:sldMkLst>
          <pc:docMk/>
          <pc:sldMk cId="3443306323" sldId="281"/>
        </pc:sldMkLst>
      </pc:sldChg>
      <pc:sldChg chg="addSp delSp modSp add mod">
        <pc:chgData name="Ronald Tong" userId="26f78301-a32f-460f-a787-6ee5fd2eb1b5" providerId="ADAL" clId="{24E0415F-EA56-4317-B140-15666E98736F}" dt="2021-05-20T06:59:49.945" v="1733" actId="20577"/>
        <pc:sldMkLst>
          <pc:docMk/>
          <pc:sldMk cId="1648828998" sldId="282"/>
        </pc:sldMkLst>
        <pc:spChg chg="mod">
          <ac:chgData name="Ronald Tong" userId="26f78301-a32f-460f-a787-6ee5fd2eb1b5" providerId="ADAL" clId="{24E0415F-EA56-4317-B140-15666E98736F}" dt="2021-05-20T06:59:49.945" v="1733" actId="20577"/>
          <ac:spMkLst>
            <pc:docMk/>
            <pc:sldMk cId="1648828998" sldId="282"/>
            <ac:spMk id="4" creationId="{F34EA307-2F5D-42FB-99BB-B7C510669730}"/>
          </ac:spMkLst>
        </pc:spChg>
        <pc:spChg chg="mod">
          <ac:chgData name="Ronald Tong" userId="26f78301-a32f-460f-a787-6ee5fd2eb1b5" providerId="ADAL" clId="{24E0415F-EA56-4317-B140-15666E98736F}" dt="2021-05-20T06:59:47.563" v="1729" actId="20577"/>
          <ac:spMkLst>
            <pc:docMk/>
            <pc:sldMk cId="1648828998" sldId="282"/>
            <ac:spMk id="7" creationId="{2E192B8A-372C-4D0A-B427-94657CDDBBEC}"/>
          </ac:spMkLst>
        </pc:spChg>
        <pc:graphicFrameChg chg="add mod modGraphic">
          <ac:chgData name="Ronald Tong" userId="26f78301-a32f-460f-a787-6ee5fd2eb1b5" providerId="ADAL" clId="{24E0415F-EA56-4317-B140-15666E98736F}" dt="2021-05-20T06:46:10.192" v="1621" actId="2164"/>
          <ac:graphicFrameMkLst>
            <pc:docMk/>
            <pc:sldMk cId="1648828998" sldId="282"/>
            <ac:graphicFrameMk id="3" creationId="{7B763387-BA1A-4C12-BCFC-F74576E04328}"/>
          </ac:graphicFrameMkLst>
        </pc:graphicFrameChg>
        <pc:picChg chg="del">
          <ac:chgData name="Ronald Tong" userId="26f78301-a32f-460f-a787-6ee5fd2eb1b5" providerId="ADAL" clId="{24E0415F-EA56-4317-B140-15666E98736F}" dt="2021-05-20T06:22:05.777" v="816" actId="478"/>
          <ac:picMkLst>
            <pc:docMk/>
            <pc:sldMk cId="1648828998" sldId="282"/>
            <ac:picMk id="2" creationId="{57884430-0FBC-4478-B63E-6DA178E3C6D2}"/>
          </ac:picMkLst>
        </pc:picChg>
        <pc:picChg chg="del">
          <ac:chgData name="Ronald Tong" userId="26f78301-a32f-460f-a787-6ee5fd2eb1b5" providerId="ADAL" clId="{24E0415F-EA56-4317-B140-15666E98736F}" dt="2021-05-20T06:22:05.432" v="815" actId="478"/>
          <ac:picMkLst>
            <pc:docMk/>
            <pc:sldMk cId="1648828998" sldId="282"/>
            <ac:picMk id="11" creationId="{EA792D62-0DA0-4B4F-9F41-71D1A373E96F}"/>
          </ac:picMkLst>
        </pc:picChg>
      </pc:sldChg>
      <pc:sldChg chg="addSp delSp modSp add mod">
        <pc:chgData name="Ronald Tong" userId="26f78301-a32f-460f-a787-6ee5fd2eb1b5" providerId="ADAL" clId="{24E0415F-EA56-4317-B140-15666E98736F}" dt="2021-05-20T07:05:45.591" v="1735" actId="20577"/>
        <pc:sldMkLst>
          <pc:docMk/>
          <pc:sldMk cId="242770146" sldId="283"/>
        </pc:sldMkLst>
        <pc:spChg chg="mod">
          <ac:chgData name="Ronald Tong" userId="26f78301-a32f-460f-a787-6ee5fd2eb1b5" providerId="ADAL" clId="{24E0415F-EA56-4317-B140-15666E98736F}" dt="2021-05-20T06:57:44.592" v="1634" actId="20577"/>
          <ac:spMkLst>
            <pc:docMk/>
            <pc:sldMk cId="242770146" sldId="283"/>
            <ac:spMk id="4" creationId="{F34EA307-2F5D-42FB-99BB-B7C510669730}"/>
          </ac:spMkLst>
        </pc:spChg>
        <pc:spChg chg="add mod">
          <ac:chgData name="Ronald Tong" userId="26f78301-a32f-460f-a787-6ee5fd2eb1b5" providerId="ADAL" clId="{24E0415F-EA56-4317-B140-15666E98736F}" dt="2021-05-20T07:05:45.591" v="1735" actId="20577"/>
          <ac:spMkLst>
            <pc:docMk/>
            <pc:sldMk cId="242770146" sldId="283"/>
            <ac:spMk id="6" creationId="{078BE4A3-4A68-48B7-930C-A39E7C281BBC}"/>
          </ac:spMkLst>
        </pc:spChg>
        <pc:spChg chg="del mod">
          <ac:chgData name="Ronald Tong" userId="26f78301-a32f-460f-a787-6ee5fd2eb1b5" providerId="ADAL" clId="{24E0415F-EA56-4317-B140-15666E98736F}" dt="2021-05-20T06:58:20.615" v="1705" actId="478"/>
          <ac:spMkLst>
            <pc:docMk/>
            <pc:sldMk cId="242770146" sldId="283"/>
            <ac:spMk id="7" creationId="{2E192B8A-372C-4D0A-B427-94657CDDBBEC}"/>
          </ac:spMkLst>
        </pc:spChg>
        <pc:graphicFrameChg chg="del">
          <ac:chgData name="Ronald Tong" userId="26f78301-a32f-460f-a787-6ee5fd2eb1b5" providerId="ADAL" clId="{24E0415F-EA56-4317-B140-15666E98736F}" dt="2021-05-20T06:57:35.703" v="1624" actId="478"/>
          <ac:graphicFrameMkLst>
            <pc:docMk/>
            <pc:sldMk cId="242770146" sldId="283"/>
            <ac:graphicFrameMk id="3" creationId="{7B763387-BA1A-4C12-BCFC-F74576E04328}"/>
          </ac:graphicFrameMkLst>
        </pc:graphicFrameChg>
        <pc:picChg chg="add mod">
          <ac:chgData name="Ronald Tong" userId="26f78301-a32f-460f-a787-6ee5fd2eb1b5" providerId="ADAL" clId="{24E0415F-EA56-4317-B140-15666E98736F}" dt="2021-05-20T06:58:34.823" v="1710" actId="1076"/>
          <ac:picMkLst>
            <pc:docMk/>
            <pc:sldMk cId="242770146" sldId="283"/>
            <ac:picMk id="2050" creationId="{5D90DB25-00AE-4F42-BA67-9C4B3A36CAB2}"/>
          </ac:picMkLst>
        </pc:picChg>
      </pc:sldChg>
    </pc:docChg>
  </pc:docChgLst>
  <pc:docChgLst>
    <pc:chgData name="Ronald Tong" userId="26f78301-a32f-460f-a787-6ee5fd2eb1b5" providerId="ADAL" clId="{191C091E-2D93-4EFD-9B25-14732858C449}"/>
    <pc:docChg chg="undo custSel addSld modSld">
      <pc:chgData name="Ronald Tong" userId="26f78301-a32f-460f-a787-6ee5fd2eb1b5" providerId="ADAL" clId="{191C091E-2D93-4EFD-9B25-14732858C449}" dt="2021-05-20T07:21:10.323" v="941" actId="20577"/>
      <pc:docMkLst>
        <pc:docMk/>
      </pc:docMkLst>
      <pc:sldChg chg="modSp mod">
        <pc:chgData name="Ronald Tong" userId="26f78301-a32f-460f-a787-6ee5fd2eb1b5" providerId="ADAL" clId="{191C091E-2D93-4EFD-9B25-14732858C449}" dt="2021-05-20T07:19:27.769" v="870" actId="20577"/>
        <pc:sldMkLst>
          <pc:docMk/>
          <pc:sldMk cId="242770146" sldId="283"/>
        </pc:sldMkLst>
        <pc:spChg chg="mod">
          <ac:chgData name="Ronald Tong" userId="26f78301-a32f-460f-a787-6ee5fd2eb1b5" providerId="ADAL" clId="{191C091E-2D93-4EFD-9B25-14732858C449}" dt="2021-05-20T07:19:27.769" v="870" actId="20577"/>
          <ac:spMkLst>
            <pc:docMk/>
            <pc:sldMk cId="242770146" sldId="283"/>
            <ac:spMk id="6" creationId="{078BE4A3-4A68-48B7-930C-A39E7C281BBC}"/>
          </ac:spMkLst>
        </pc:spChg>
      </pc:sldChg>
      <pc:sldChg chg="delSp modSp add mod">
        <pc:chgData name="Ronald Tong" userId="26f78301-a32f-460f-a787-6ee5fd2eb1b5" providerId="ADAL" clId="{191C091E-2D93-4EFD-9B25-14732858C449}" dt="2021-05-20T07:21:10.323" v="941" actId="20577"/>
        <pc:sldMkLst>
          <pc:docMk/>
          <pc:sldMk cId="1745406771" sldId="284"/>
        </pc:sldMkLst>
        <pc:spChg chg="mod">
          <ac:chgData name="Ronald Tong" userId="26f78301-a32f-460f-a787-6ee5fd2eb1b5" providerId="ADAL" clId="{191C091E-2D93-4EFD-9B25-14732858C449}" dt="2021-05-20T07:20:49.925" v="900" actId="20577"/>
          <ac:spMkLst>
            <pc:docMk/>
            <pc:sldMk cId="1745406771" sldId="284"/>
            <ac:spMk id="4" creationId="{F34EA307-2F5D-42FB-99BB-B7C510669730}"/>
          </ac:spMkLst>
        </pc:spChg>
        <pc:spChg chg="mod">
          <ac:chgData name="Ronald Tong" userId="26f78301-a32f-460f-a787-6ee5fd2eb1b5" providerId="ADAL" clId="{191C091E-2D93-4EFD-9B25-14732858C449}" dt="2021-05-20T07:21:10.323" v="941" actId="20577"/>
          <ac:spMkLst>
            <pc:docMk/>
            <pc:sldMk cId="1745406771" sldId="284"/>
            <ac:spMk id="6" creationId="{078BE4A3-4A68-48B7-930C-A39E7C281BBC}"/>
          </ac:spMkLst>
        </pc:spChg>
        <pc:picChg chg="del">
          <ac:chgData name="Ronald Tong" userId="26f78301-a32f-460f-a787-6ee5fd2eb1b5" providerId="ADAL" clId="{191C091E-2D93-4EFD-9B25-14732858C449}" dt="2021-05-20T07:20:30.417" v="872" actId="478"/>
          <ac:picMkLst>
            <pc:docMk/>
            <pc:sldMk cId="1745406771" sldId="284"/>
            <ac:picMk id="2050" creationId="{5D90DB25-00AE-4F42-BA67-9C4B3A36CAB2}"/>
          </ac:picMkLst>
        </pc:picChg>
      </pc:sldChg>
    </pc:docChg>
  </pc:docChgLst>
  <pc:docChgLst>
    <pc:chgData name="Steve Grigg" userId="8751aa99-eeaf-485f-89a4-df3fadfd694e" providerId="ADAL" clId="{7139E4CD-11EC-4754-AB38-D2C7A547B19A}"/>
    <pc:docChg chg="undo custSel addSld delSld modSld sldOrd">
      <pc:chgData name="Steve Grigg" userId="8751aa99-eeaf-485f-89a4-df3fadfd694e" providerId="ADAL" clId="{7139E4CD-11EC-4754-AB38-D2C7A547B19A}" dt="2021-06-09T01:35:49.171" v="4090" actId="20577"/>
      <pc:docMkLst>
        <pc:docMk/>
      </pc:docMkLst>
      <pc:sldChg chg="del">
        <pc:chgData name="Steve Grigg" userId="8751aa99-eeaf-485f-89a4-df3fadfd694e" providerId="ADAL" clId="{7139E4CD-11EC-4754-AB38-D2C7A547B19A}" dt="2021-06-08T01:32:28.446" v="3545" actId="2696"/>
        <pc:sldMkLst>
          <pc:docMk/>
          <pc:sldMk cId="4205247585" sldId="256"/>
        </pc:sldMkLst>
      </pc:sldChg>
      <pc:sldChg chg="modSp mod modNotesTx">
        <pc:chgData name="Steve Grigg" userId="8751aa99-eeaf-485f-89a4-df3fadfd694e" providerId="ADAL" clId="{7139E4CD-11EC-4754-AB38-D2C7A547B19A}" dt="2021-06-09T01:35:49.171" v="4090" actId="20577"/>
        <pc:sldMkLst>
          <pc:docMk/>
          <pc:sldMk cId="0" sldId="257"/>
        </pc:sldMkLst>
        <pc:spChg chg="mod">
          <ac:chgData name="Steve Grigg" userId="8751aa99-eeaf-485f-89a4-df3fadfd694e" providerId="ADAL" clId="{7139E4CD-11EC-4754-AB38-D2C7A547B19A}" dt="2021-06-09T01:35:49.171" v="4090" actId="20577"/>
          <ac:spMkLst>
            <pc:docMk/>
            <pc:sldMk cId="0" sldId="257"/>
            <ac:spMk id="365" creationId="{00000000-0000-0000-0000-000000000000}"/>
          </ac:spMkLst>
        </pc:spChg>
      </pc:sldChg>
      <pc:sldChg chg="modSp mod addCm delCm modCm">
        <pc:chgData name="Steve Grigg" userId="8751aa99-eeaf-485f-89a4-df3fadfd694e" providerId="ADAL" clId="{7139E4CD-11EC-4754-AB38-D2C7A547B19A}" dt="2021-06-08T00:34:45.044" v="2276" actId="20577"/>
        <pc:sldMkLst>
          <pc:docMk/>
          <pc:sldMk cId="1386757504" sldId="270"/>
        </pc:sldMkLst>
        <pc:spChg chg="mod">
          <ac:chgData name="Steve Grigg" userId="8751aa99-eeaf-485f-89a4-df3fadfd694e" providerId="ADAL" clId="{7139E4CD-11EC-4754-AB38-D2C7A547B19A}" dt="2021-06-08T00:34:45.044" v="2276" actId="20577"/>
          <ac:spMkLst>
            <pc:docMk/>
            <pc:sldMk cId="1386757504" sldId="270"/>
            <ac:spMk id="2" creationId="{C3CB5598-A2EE-48EB-8307-D07FA80E7C22}"/>
          </ac:spMkLst>
        </pc:spChg>
        <pc:spChg chg="mod">
          <ac:chgData name="Steve Grigg" userId="8751aa99-eeaf-485f-89a4-df3fadfd694e" providerId="ADAL" clId="{7139E4CD-11EC-4754-AB38-D2C7A547B19A}" dt="2021-06-07T23:54:31.919" v="547" actId="1076"/>
          <ac:spMkLst>
            <pc:docMk/>
            <pc:sldMk cId="1386757504" sldId="270"/>
            <ac:spMk id="10" creationId="{D449710E-C78D-4FE5-BB49-A323EF749FC9}"/>
          </ac:spMkLst>
        </pc:spChg>
        <pc:spChg chg="mod">
          <ac:chgData name="Steve Grigg" userId="8751aa99-eeaf-485f-89a4-df3fadfd694e" providerId="ADAL" clId="{7139E4CD-11EC-4754-AB38-D2C7A547B19A}" dt="2021-06-07T23:54:58.730" v="602" actId="20577"/>
          <ac:spMkLst>
            <pc:docMk/>
            <pc:sldMk cId="1386757504" sldId="270"/>
            <ac:spMk id="12" creationId="{26B3DAD1-70C3-457C-B7EC-E6462493103C}"/>
          </ac:spMkLst>
        </pc:spChg>
        <pc:picChg chg="mod">
          <ac:chgData name="Steve Grigg" userId="8751aa99-eeaf-485f-89a4-df3fadfd694e" providerId="ADAL" clId="{7139E4CD-11EC-4754-AB38-D2C7A547B19A}" dt="2021-06-07T23:54:31.919" v="547" actId="1076"/>
          <ac:picMkLst>
            <pc:docMk/>
            <pc:sldMk cId="1386757504" sldId="270"/>
            <ac:picMk id="7" creationId="{A39F51F5-FF6D-4965-B2BA-D4079BE5D03A}"/>
          </ac:picMkLst>
        </pc:picChg>
        <pc:picChg chg="mod">
          <ac:chgData name="Steve Grigg" userId="8751aa99-eeaf-485f-89a4-df3fadfd694e" providerId="ADAL" clId="{7139E4CD-11EC-4754-AB38-D2C7A547B19A}" dt="2021-06-07T23:54:31.919" v="547" actId="1076"/>
          <ac:picMkLst>
            <pc:docMk/>
            <pc:sldMk cId="1386757504" sldId="270"/>
            <ac:picMk id="8" creationId="{2F7E9C92-64CA-435C-820D-54ADEF7A8942}"/>
          </ac:picMkLst>
        </pc:picChg>
        <pc:picChg chg="mod">
          <ac:chgData name="Steve Grigg" userId="8751aa99-eeaf-485f-89a4-df3fadfd694e" providerId="ADAL" clId="{7139E4CD-11EC-4754-AB38-D2C7A547B19A}" dt="2021-06-07T23:54:31.919" v="547" actId="1076"/>
          <ac:picMkLst>
            <pc:docMk/>
            <pc:sldMk cId="1386757504" sldId="270"/>
            <ac:picMk id="4104" creationId="{38828DBB-E650-4334-AE56-38305D278335}"/>
          </ac:picMkLst>
        </pc:picChg>
      </pc:sldChg>
      <pc:sldChg chg="modTransition">
        <pc:chgData name="Steve Grigg" userId="8751aa99-eeaf-485f-89a4-df3fadfd694e" providerId="ADAL" clId="{7139E4CD-11EC-4754-AB38-D2C7A547B19A}" dt="2021-06-07T23:55:36.666" v="604"/>
        <pc:sldMkLst>
          <pc:docMk/>
          <pc:sldMk cId="242770146" sldId="283"/>
        </pc:sldMkLst>
      </pc:sldChg>
      <pc:sldChg chg="addSp modSp mod modTransition">
        <pc:chgData name="Steve Grigg" userId="8751aa99-eeaf-485f-89a4-df3fadfd694e" providerId="ADAL" clId="{7139E4CD-11EC-4754-AB38-D2C7A547B19A}" dt="2021-06-08T01:22:15.368" v="3126"/>
        <pc:sldMkLst>
          <pc:docMk/>
          <pc:sldMk cId="1745406771" sldId="284"/>
        </pc:sldMkLst>
        <pc:spChg chg="mod">
          <ac:chgData name="Steve Grigg" userId="8751aa99-eeaf-485f-89a4-df3fadfd694e" providerId="ADAL" clId="{7139E4CD-11EC-4754-AB38-D2C7A547B19A}" dt="2021-06-07T22:57:45.469" v="218" actId="14100"/>
          <ac:spMkLst>
            <pc:docMk/>
            <pc:sldMk cId="1745406771" sldId="284"/>
            <ac:spMk id="19" creationId="{EF7820A9-06BA-4066-9AF6-7B95FDAD9E1A}"/>
          </ac:spMkLst>
        </pc:spChg>
        <pc:spChg chg="add mod">
          <ac:chgData name="Steve Grigg" userId="8751aa99-eeaf-485f-89a4-df3fadfd694e" providerId="ADAL" clId="{7139E4CD-11EC-4754-AB38-D2C7A547B19A}" dt="2021-06-07T22:57:49.406" v="219" actId="1076"/>
          <ac:spMkLst>
            <pc:docMk/>
            <pc:sldMk cId="1745406771" sldId="284"/>
            <ac:spMk id="35" creationId="{A10D046A-D44D-4E2F-9CEA-28FABB7B7BB0}"/>
          </ac:spMkLst>
        </pc:spChg>
        <pc:picChg chg="add mod">
          <ac:chgData name="Steve Grigg" userId="8751aa99-eeaf-485f-89a4-df3fadfd694e" providerId="ADAL" clId="{7139E4CD-11EC-4754-AB38-D2C7A547B19A}" dt="2021-06-07T22:57:49.406" v="219" actId="1076"/>
          <ac:picMkLst>
            <pc:docMk/>
            <pc:sldMk cId="1745406771" sldId="284"/>
            <ac:picMk id="25" creationId="{93AAAB17-64B6-477A-AB4B-64A9DF92F509}"/>
          </ac:picMkLst>
        </pc:picChg>
        <pc:picChg chg="add mod">
          <ac:chgData name="Steve Grigg" userId="8751aa99-eeaf-485f-89a4-df3fadfd694e" providerId="ADAL" clId="{7139E4CD-11EC-4754-AB38-D2C7A547B19A}" dt="2021-06-07T22:57:56.087" v="221" actId="1076"/>
          <ac:picMkLst>
            <pc:docMk/>
            <pc:sldMk cId="1745406771" sldId="284"/>
            <ac:picMk id="36" creationId="{F319C0BF-C4A5-49B6-B590-6DED34E51FE5}"/>
          </ac:picMkLst>
        </pc:picChg>
      </pc:sldChg>
      <pc:sldChg chg="modSp mod modNotesTx">
        <pc:chgData name="Steve Grigg" userId="8751aa99-eeaf-485f-89a4-df3fadfd694e" providerId="ADAL" clId="{7139E4CD-11EC-4754-AB38-D2C7A547B19A}" dt="2021-06-08T01:33:14.882" v="3554" actId="20577"/>
        <pc:sldMkLst>
          <pc:docMk/>
          <pc:sldMk cId="3096608571" sldId="285"/>
        </pc:sldMkLst>
        <pc:spChg chg="mod">
          <ac:chgData name="Steve Grigg" userId="8751aa99-eeaf-485f-89a4-df3fadfd694e" providerId="ADAL" clId="{7139E4CD-11EC-4754-AB38-D2C7A547B19A}" dt="2021-06-08T01:33:14.882" v="3554" actId="20577"/>
          <ac:spMkLst>
            <pc:docMk/>
            <pc:sldMk cId="3096608571" sldId="285"/>
            <ac:spMk id="365" creationId="{00000000-0000-0000-0000-000000000000}"/>
          </ac:spMkLst>
        </pc:spChg>
      </pc:sldChg>
      <pc:sldChg chg="delSp modSp mod modNotesTx">
        <pc:chgData name="Steve Grigg" userId="8751aa99-eeaf-485f-89a4-df3fadfd694e" providerId="ADAL" clId="{7139E4CD-11EC-4754-AB38-D2C7A547B19A}" dt="2021-06-07T23:49:03.965" v="545" actId="1076"/>
        <pc:sldMkLst>
          <pc:docMk/>
          <pc:sldMk cId="3030622168" sldId="287"/>
        </pc:sldMkLst>
        <pc:spChg chg="mod">
          <ac:chgData name="Steve Grigg" userId="8751aa99-eeaf-485f-89a4-df3fadfd694e" providerId="ADAL" clId="{7139E4CD-11EC-4754-AB38-D2C7A547B19A}" dt="2021-06-07T23:09:48.301" v="325" actId="20577"/>
          <ac:spMkLst>
            <pc:docMk/>
            <pc:sldMk cId="3030622168" sldId="287"/>
            <ac:spMk id="2" creationId="{1258DD74-1848-4D53-BB09-631863C606A3}"/>
          </ac:spMkLst>
        </pc:spChg>
        <pc:spChg chg="mod">
          <ac:chgData name="Steve Grigg" userId="8751aa99-eeaf-485f-89a4-df3fadfd694e" providerId="ADAL" clId="{7139E4CD-11EC-4754-AB38-D2C7A547B19A}" dt="2021-06-07T23:09:43.272" v="312" actId="20577"/>
          <ac:spMkLst>
            <pc:docMk/>
            <pc:sldMk cId="3030622168" sldId="287"/>
            <ac:spMk id="4" creationId="{3F00341E-5B8A-4CE6-BB3A-4E692B5411F3}"/>
          </ac:spMkLst>
        </pc:spChg>
        <pc:spChg chg="mod">
          <ac:chgData name="Steve Grigg" userId="8751aa99-eeaf-485f-89a4-df3fadfd694e" providerId="ADAL" clId="{7139E4CD-11EC-4754-AB38-D2C7A547B19A}" dt="2021-06-07T23:49:03.965" v="545" actId="1076"/>
          <ac:spMkLst>
            <pc:docMk/>
            <pc:sldMk cId="3030622168" sldId="287"/>
            <ac:spMk id="7" creationId="{13F139F9-D561-404F-A4F2-A1408790A787}"/>
          </ac:spMkLst>
        </pc:spChg>
        <pc:spChg chg="mod">
          <ac:chgData name="Steve Grigg" userId="8751aa99-eeaf-485f-89a4-df3fadfd694e" providerId="ADAL" clId="{7139E4CD-11EC-4754-AB38-D2C7A547B19A}" dt="2021-06-07T23:11:57.872" v="448" actId="20577"/>
          <ac:spMkLst>
            <pc:docMk/>
            <pc:sldMk cId="3030622168" sldId="287"/>
            <ac:spMk id="11" creationId="{97884E6A-1995-4AA2-A8FA-8893FFD397FB}"/>
          </ac:spMkLst>
        </pc:spChg>
        <pc:spChg chg="del mod">
          <ac:chgData name="Steve Grigg" userId="8751aa99-eeaf-485f-89a4-df3fadfd694e" providerId="ADAL" clId="{7139E4CD-11EC-4754-AB38-D2C7A547B19A}" dt="2021-06-07T23:11:32.946" v="438" actId="478"/>
          <ac:spMkLst>
            <pc:docMk/>
            <pc:sldMk cId="3030622168" sldId="287"/>
            <ac:spMk id="12" creationId="{4AA2EA8C-241D-4391-9228-DA1126D22916}"/>
          </ac:spMkLst>
        </pc:spChg>
      </pc:sldChg>
      <pc:sldChg chg="addSp delSp modSp mod">
        <pc:chgData name="Steve Grigg" userId="8751aa99-eeaf-485f-89a4-df3fadfd694e" providerId="ADAL" clId="{7139E4CD-11EC-4754-AB38-D2C7A547B19A}" dt="2021-06-07T22:56:02.665" v="193" actId="1076"/>
        <pc:sldMkLst>
          <pc:docMk/>
          <pc:sldMk cId="847775485" sldId="290"/>
        </pc:sldMkLst>
        <pc:picChg chg="del">
          <ac:chgData name="Steve Grigg" userId="8751aa99-eeaf-485f-89a4-df3fadfd694e" providerId="ADAL" clId="{7139E4CD-11EC-4754-AB38-D2C7A547B19A}" dt="2021-06-07T22:55:48.109" v="189" actId="478"/>
          <ac:picMkLst>
            <pc:docMk/>
            <pc:sldMk cId="847775485" sldId="290"/>
            <ac:picMk id="10" creationId="{558D503D-500A-4B1C-B692-0F36D13E2699}"/>
          </ac:picMkLst>
        </pc:picChg>
        <pc:picChg chg="add del mod">
          <ac:chgData name="Steve Grigg" userId="8751aa99-eeaf-485f-89a4-df3fadfd694e" providerId="ADAL" clId="{7139E4CD-11EC-4754-AB38-D2C7A547B19A}" dt="2021-06-07T22:55:50.374" v="191"/>
          <ac:picMkLst>
            <pc:docMk/>
            <pc:sldMk cId="847775485" sldId="290"/>
            <ac:picMk id="11" creationId="{FE3E319E-9DBE-4865-91B8-AF5786F731C2}"/>
          </ac:picMkLst>
        </pc:picChg>
        <pc:picChg chg="add mod">
          <ac:chgData name="Steve Grigg" userId="8751aa99-eeaf-485f-89a4-df3fadfd694e" providerId="ADAL" clId="{7139E4CD-11EC-4754-AB38-D2C7A547B19A}" dt="2021-06-07T22:56:02.665" v="193" actId="1076"/>
          <ac:picMkLst>
            <pc:docMk/>
            <pc:sldMk cId="847775485" sldId="290"/>
            <ac:picMk id="12" creationId="{06D40D30-36BC-4050-BF58-64C09070ABF7}"/>
          </ac:picMkLst>
        </pc:picChg>
      </pc:sldChg>
      <pc:sldChg chg="modSp mod modNotesTx">
        <pc:chgData name="Steve Grigg" userId="8751aa99-eeaf-485f-89a4-df3fadfd694e" providerId="ADAL" clId="{7139E4CD-11EC-4754-AB38-D2C7A547B19A}" dt="2021-06-08T00:35:47.459" v="2339" actId="20577"/>
        <pc:sldMkLst>
          <pc:docMk/>
          <pc:sldMk cId="1103992401" sldId="292"/>
        </pc:sldMkLst>
        <pc:graphicFrameChg chg="modGraphic">
          <ac:chgData name="Steve Grigg" userId="8751aa99-eeaf-485f-89a4-df3fadfd694e" providerId="ADAL" clId="{7139E4CD-11EC-4754-AB38-D2C7A547B19A}" dt="2021-06-08T00:35:22.754" v="2336" actId="20577"/>
          <ac:graphicFrameMkLst>
            <pc:docMk/>
            <pc:sldMk cId="1103992401" sldId="292"/>
            <ac:graphicFrameMk id="3" creationId="{7B763387-BA1A-4C12-BCFC-F74576E04328}"/>
          </ac:graphicFrameMkLst>
        </pc:graphicFrameChg>
      </pc:sldChg>
      <pc:sldChg chg="modTransition addCm modCm">
        <pc:chgData name="Steve Grigg" userId="8751aa99-eeaf-485f-89a4-df3fadfd694e" providerId="ADAL" clId="{7139E4CD-11EC-4754-AB38-D2C7A547B19A}" dt="2021-06-08T00:16:46.539" v="1815"/>
        <pc:sldMkLst>
          <pc:docMk/>
          <pc:sldMk cId="2832208460" sldId="293"/>
        </pc:sldMkLst>
      </pc:sldChg>
      <pc:sldChg chg="addSp modSp modTransition">
        <pc:chgData name="Steve Grigg" userId="8751aa99-eeaf-485f-89a4-df3fadfd694e" providerId="ADAL" clId="{7139E4CD-11EC-4754-AB38-D2C7A547B19A}" dt="2021-06-07T23:26:22.615" v="500"/>
        <pc:sldMkLst>
          <pc:docMk/>
          <pc:sldMk cId="1767619442" sldId="294"/>
        </pc:sldMkLst>
        <pc:picChg chg="add mod">
          <ac:chgData name="Steve Grigg" userId="8751aa99-eeaf-485f-89a4-df3fadfd694e" providerId="ADAL" clId="{7139E4CD-11EC-4754-AB38-D2C7A547B19A}" dt="2021-06-07T22:49:40.169" v="90" actId="1076"/>
          <ac:picMkLst>
            <pc:docMk/>
            <pc:sldMk cId="1767619442" sldId="294"/>
            <ac:picMk id="7" creationId="{C8BDD4F9-D69E-4753-84E6-DD08895D4181}"/>
          </ac:picMkLst>
        </pc:picChg>
      </pc:sldChg>
      <pc:sldChg chg="delSp modSp modNotesTx">
        <pc:chgData name="Steve Grigg" userId="8751aa99-eeaf-485f-89a4-df3fadfd694e" providerId="ADAL" clId="{7139E4CD-11EC-4754-AB38-D2C7A547B19A}" dt="2021-06-08T00:56:55.605" v="2685" actId="20577"/>
        <pc:sldMkLst>
          <pc:docMk/>
          <pc:sldMk cId="1913109599" sldId="295"/>
        </pc:sldMkLst>
        <pc:picChg chg="mod">
          <ac:chgData name="Steve Grigg" userId="8751aa99-eeaf-485f-89a4-df3fadfd694e" providerId="ADAL" clId="{7139E4CD-11EC-4754-AB38-D2C7A547B19A}" dt="2021-06-07T22:49:28.881" v="88" actId="1076"/>
          <ac:picMkLst>
            <pc:docMk/>
            <pc:sldMk cId="1913109599" sldId="295"/>
            <ac:picMk id="1027" creationId="{27DB97A7-6683-4317-988C-D80DC63CBFB6}"/>
          </ac:picMkLst>
        </pc:picChg>
        <pc:picChg chg="del">
          <ac:chgData name="Steve Grigg" userId="8751aa99-eeaf-485f-89a4-df3fadfd694e" providerId="ADAL" clId="{7139E4CD-11EC-4754-AB38-D2C7A547B19A}" dt="2021-06-07T22:49:27.060" v="87" actId="478"/>
          <ac:picMkLst>
            <pc:docMk/>
            <pc:sldMk cId="1913109599" sldId="295"/>
            <ac:picMk id="1028" creationId="{2FF8027A-6D58-42EE-806E-BE126CFF6DB3}"/>
          </ac:picMkLst>
        </pc:picChg>
        <pc:picChg chg="del">
          <ac:chgData name="Steve Grigg" userId="8751aa99-eeaf-485f-89a4-df3fadfd694e" providerId="ADAL" clId="{7139E4CD-11EC-4754-AB38-D2C7A547B19A}" dt="2021-06-07T22:49:27.060" v="87" actId="478"/>
          <ac:picMkLst>
            <pc:docMk/>
            <pc:sldMk cId="1913109599" sldId="295"/>
            <ac:picMk id="1029" creationId="{6050A07F-BCE1-4113-8423-2A4F1713334E}"/>
          </ac:picMkLst>
        </pc:picChg>
        <pc:picChg chg="del">
          <ac:chgData name="Steve Grigg" userId="8751aa99-eeaf-485f-89a4-df3fadfd694e" providerId="ADAL" clId="{7139E4CD-11EC-4754-AB38-D2C7A547B19A}" dt="2021-06-07T22:49:27.060" v="87" actId="478"/>
          <ac:picMkLst>
            <pc:docMk/>
            <pc:sldMk cId="1913109599" sldId="295"/>
            <ac:picMk id="1030" creationId="{89897E37-A93F-4982-94DB-15EF3FA758B7}"/>
          </ac:picMkLst>
        </pc:picChg>
      </pc:sldChg>
      <pc:sldChg chg="addSp modSp ord addCm modCm modNotesTx">
        <pc:chgData name="Steve Grigg" userId="8751aa99-eeaf-485f-89a4-df3fadfd694e" providerId="ADAL" clId="{7139E4CD-11EC-4754-AB38-D2C7A547B19A}" dt="2021-06-08T00:04:50.444" v="1813" actId="20577"/>
        <pc:sldMkLst>
          <pc:docMk/>
          <pc:sldMk cId="2287070654" sldId="296"/>
        </pc:sldMkLst>
        <pc:picChg chg="add mod">
          <ac:chgData name="Steve Grigg" userId="8751aa99-eeaf-485f-89a4-df3fadfd694e" providerId="ADAL" clId="{7139E4CD-11EC-4754-AB38-D2C7A547B19A}" dt="2021-06-07T22:50:17.632" v="94" actId="1076"/>
          <ac:picMkLst>
            <pc:docMk/>
            <pc:sldMk cId="2287070654" sldId="296"/>
            <ac:picMk id="6" creationId="{4FD23CB3-A51F-40FD-82C9-4E74A71F0045}"/>
          </ac:picMkLst>
        </pc:picChg>
      </pc:sldChg>
      <pc:sldChg chg="addSp modSp modTransition">
        <pc:chgData name="Steve Grigg" userId="8751aa99-eeaf-485f-89a4-df3fadfd694e" providerId="ADAL" clId="{7139E4CD-11EC-4754-AB38-D2C7A547B19A}" dt="2021-06-07T23:32:36.604" v="505"/>
        <pc:sldMkLst>
          <pc:docMk/>
          <pc:sldMk cId="3739229855" sldId="297"/>
        </pc:sldMkLst>
        <pc:picChg chg="add mod">
          <ac:chgData name="Steve Grigg" userId="8751aa99-eeaf-485f-89a4-df3fadfd694e" providerId="ADAL" clId="{7139E4CD-11EC-4754-AB38-D2C7A547B19A}" dt="2021-06-07T22:49:59.617" v="92" actId="1076"/>
          <ac:picMkLst>
            <pc:docMk/>
            <pc:sldMk cId="3739229855" sldId="297"/>
            <ac:picMk id="8" creationId="{5AC8CA6A-2AFA-4816-8B08-4ECD069F29D6}"/>
          </ac:picMkLst>
        </pc:picChg>
      </pc:sldChg>
      <pc:sldChg chg="addSp modSp mod addCm delCm modCm modNotesTx">
        <pc:chgData name="Steve Grigg" userId="8751aa99-eeaf-485f-89a4-df3fadfd694e" providerId="ADAL" clId="{7139E4CD-11EC-4754-AB38-D2C7A547B19A}" dt="2021-06-08T00:03:36.876" v="1798" actId="20577"/>
        <pc:sldMkLst>
          <pc:docMk/>
          <pc:sldMk cId="575484831" sldId="298"/>
        </pc:sldMkLst>
        <pc:spChg chg="mod">
          <ac:chgData name="Steve Grigg" userId="8751aa99-eeaf-485f-89a4-df3fadfd694e" providerId="ADAL" clId="{7139E4CD-11EC-4754-AB38-D2C7A547B19A}" dt="2021-06-08T00:00:40.497" v="1397" actId="14100"/>
          <ac:spMkLst>
            <pc:docMk/>
            <pc:sldMk cId="575484831" sldId="298"/>
            <ac:spMk id="4" creationId="{8CDC126B-9A77-4139-BC9E-34A178504714}"/>
          </ac:spMkLst>
        </pc:spChg>
        <pc:picChg chg="add mod">
          <ac:chgData name="Steve Grigg" userId="8751aa99-eeaf-485f-89a4-df3fadfd694e" providerId="ADAL" clId="{7139E4CD-11EC-4754-AB38-D2C7A547B19A}" dt="2021-06-08T00:00:43.164" v="1398" actId="1076"/>
          <ac:picMkLst>
            <pc:docMk/>
            <pc:sldMk cId="575484831" sldId="298"/>
            <ac:picMk id="6" creationId="{7183FC6F-B7E3-456D-A8E3-8E5F18CA53C7}"/>
          </ac:picMkLst>
        </pc:picChg>
      </pc:sldChg>
      <pc:sldChg chg="addSp delSp modSp mod">
        <pc:chgData name="Steve Grigg" userId="8751aa99-eeaf-485f-89a4-df3fadfd694e" providerId="ADAL" clId="{7139E4CD-11EC-4754-AB38-D2C7A547B19A}" dt="2021-06-07T22:57:12.158" v="215" actId="20577"/>
        <pc:sldMkLst>
          <pc:docMk/>
          <pc:sldMk cId="71045829" sldId="299"/>
        </pc:sldMkLst>
        <pc:spChg chg="mod">
          <ac:chgData name="Steve Grigg" userId="8751aa99-eeaf-485f-89a4-df3fadfd694e" providerId="ADAL" clId="{7139E4CD-11EC-4754-AB38-D2C7A547B19A}" dt="2021-06-07T22:56:51.214" v="197" actId="1076"/>
          <ac:spMkLst>
            <pc:docMk/>
            <pc:sldMk cId="71045829" sldId="299"/>
            <ac:spMk id="4" creationId="{6397BD25-9ABE-48C1-BE6C-0DB86B7D0489}"/>
          </ac:spMkLst>
        </pc:spChg>
        <pc:spChg chg="mod">
          <ac:chgData name="Steve Grigg" userId="8751aa99-eeaf-485f-89a4-df3fadfd694e" providerId="ADAL" clId="{7139E4CD-11EC-4754-AB38-D2C7A547B19A}" dt="2021-06-07T22:56:51.214" v="197" actId="1076"/>
          <ac:spMkLst>
            <pc:docMk/>
            <pc:sldMk cId="71045829" sldId="299"/>
            <ac:spMk id="5" creationId="{3A572673-3FF2-44DA-B107-D29954285805}"/>
          </ac:spMkLst>
        </pc:spChg>
        <pc:spChg chg="mod">
          <ac:chgData name="Steve Grigg" userId="8751aa99-eeaf-485f-89a4-df3fadfd694e" providerId="ADAL" clId="{7139E4CD-11EC-4754-AB38-D2C7A547B19A}" dt="2021-06-07T22:56:51.214" v="197" actId="1076"/>
          <ac:spMkLst>
            <pc:docMk/>
            <pc:sldMk cId="71045829" sldId="299"/>
            <ac:spMk id="6" creationId="{B6EEC2B1-DAC9-4EC9-908A-C7472AA80235}"/>
          </ac:spMkLst>
        </pc:spChg>
        <pc:spChg chg="add mod">
          <ac:chgData name="Steve Grigg" userId="8751aa99-eeaf-485f-89a4-df3fadfd694e" providerId="ADAL" clId="{7139E4CD-11EC-4754-AB38-D2C7A547B19A}" dt="2021-06-07T22:57:12.158" v="215" actId="20577"/>
          <ac:spMkLst>
            <pc:docMk/>
            <pc:sldMk cId="71045829" sldId="299"/>
            <ac:spMk id="11" creationId="{4010027C-AA4B-447D-87D7-7BE9C83C2289}"/>
          </ac:spMkLst>
        </pc:spChg>
        <pc:picChg chg="del">
          <ac:chgData name="Steve Grigg" userId="8751aa99-eeaf-485f-89a4-df3fadfd694e" providerId="ADAL" clId="{7139E4CD-11EC-4754-AB38-D2C7A547B19A}" dt="2021-06-07T22:56:05.402" v="194" actId="478"/>
          <ac:picMkLst>
            <pc:docMk/>
            <pc:sldMk cId="71045829" sldId="299"/>
            <ac:picMk id="8" creationId="{578B807D-F917-4D2B-8F8D-2C4A8193A87D}"/>
          </ac:picMkLst>
        </pc:picChg>
        <pc:picChg chg="add mod">
          <ac:chgData name="Steve Grigg" userId="8751aa99-eeaf-485f-89a4-df3fadfd694e" providerId="ADAL" clId="{7139E4CD-11EC-4754-AB38-D2C7A547B19A}" dt="2021-06-07T22:56:12.694" v="196" actId="1076"/>
          <ac:picMkLst>
            <pc:docMk/>
            <pc:sldMk cId="71045829" sldId="299"/>
            <ac:picMk id="10" creationId="{81A748BF-5287-4B23-9993-04D7574C9C7D}"/>
          </ac:picMkLst>
        </pc:picChg>
      </pc:sldChg>
      <pc:sldChg chg="addSp modSp new mod modNotesTx">
        <pc:chgData name="Steve Grigg" userId="8751aa99-eeaf-485f-89a4-df3fadfd694e" providerId="ADAL" clId="{7139E4CD-11EC-4754-AB38-D2C7A547B19A}" dt="2021-06-08T01:11:45.012" v="2704" actId="20577"/>
        <pc:sldMkLst>
          <pc:docMk/>
          <pc:sldMk cId="708061838" sldId="300"/>
        </pc:sldMkLst>
        <pc:spChg chg="mod">
          <ac:chgData name="Steve Grigg" userId="8751aa99-eeaf-485f-89a4-df3fadfd694e" providerId="ADAL" clId="{7139E4CD-11EC-4754-AB38-D2C7A547B19A}" dt="2021-06-07T22:44:12.489" v="28" actId="20577"/>
          <ac:spMkLst>
            <pc:docMk/>
            <pc:sldMk cId="708061838" sldId="300"/>
            <ac:spMk id="2" creationId="{0E89DEA7-AAE3-478A-9862-0589140E119F}"/>
          </ac:spMkLst>
        </pc:spChg>
        <pc:spChg chg="mod">
          <ac:chgData name="Steve Grigg" userId="8751aa99-eeaf-485f-89a4-df3fadfd694e" providerId="ADAL" clId="{7139E4CD-11EC-4754-AB38-D2C7A547B19A}" dt="2021-06-07T22:50:34.685" v="103" actId="20577"/>
          <ac:spMkLst>
            <pc:docMk/>
            <pc:sldMk cId="708061838" sldId="300"/>
            <ac:spMk id="3" creationId="{E9916D84-B8AC-4615-90CC-E23DF52B32B6}"/>
          </ac:spMkLst>
        </pc:spChg>
        <pc:spChg chg="add mod">
          <ac:chgData name="Steve Grigg" userId="8751aa99-eeaf-485f-89a4-df3fadfd694e" providerId="ADAL" clId="{7139E4CD-11EC-4754-AB38-D2C7A547B19A}" dt="2021-06-07T22:54:44.695" v="186" actId="20577"/>
          <ac:spMkLst>
            <pc:docMk/>
            <pc:sldMk cId="708061838" sldId="300"/>
            <ac:spMk id="5" creationId="{97E3B6A9-C471-47C7-B83E-7FD2EF7AF683}"/>
          </ac:spMkLst>
        </pc:spChg>
        <pc:picChg chg="add mod">
          <ac:chgData name="Steve Grigg" userId="8751aa99-eeaf-485f-89a4-df3fadfd694e" providerId="ADAL" clId="{7139E4CD-11EC-4754-AB38-D2C7A547B19A}" dt="2021-06-07T22:51:01.882" v="148" actId="1076"/>
          <ac:picMkLst>
            <pc:docMk/>
            <pc:sldMk cId="708061838" sldId="300"/>
            <ac:picMk id="4" creationId="{B3765835-7A8D-436E-9006-A9890735C4DB}"/>
          </ac:picMkLst>
        </pc:picChg>
        <pc:picChg chg="add mod">
          <ac:chgData name="Steve Grigg" userId="8751aa99-eeaf-485f-89a4-df3fadfd694e" providerId="ADAL" clId="{7139E4CD-11EC-4754-AB38-D2C7A547B19A}" dt="2021-06-07T22:55:17.773" v="188"/>
          <ac:picMkLst>
            <pc:docMk/>
            <pc:sldMk cId="708061838" sldId="300"/>
            <ac:picMk id="6" creationId="{9F37CF37-AD5B-49FB-9FB0-036B9BE0E380}"/>
          </ac:picMkLst>
        </pc:picChg>
      </pc:sldChg>
      <pc:sldChg chg="addSp delSp modSp new add del mod modNotesTx">
        <pc:chgData name="Steve Grigg" userId="8751aa99-eeaf-485f-89a4-df3fadfd694e" providerId="ADAL" clId="{7139E4CD-11EC-4754-AB38-D2C7A547B19A}" dt="2021-06-08T01:28:10.656" v="3544" actId="20577"/>
        <pc:sldMkLst>
          <pc:docMk/>
          <pc:sldMk cId="564244243" sldId="301"/>
        </pc:sldMkLst>
        <pc:spChg chg="mod">
          <ac:chgData name="Steve Grigg" userId="8751aa99-eeaf-485f-89a4-df3fadfd694e" providerId="ADAL" clId="{7139E4CD-11EC-4754-AB38-D2C7A547B19A}" dt="2021-06-08T01:21:55.451" v="3121" actId="313"/>
          <ac:spMkLst>
            <pc:docMk/>
            <pc:sldMk cId="564244243" sldId="301"/>
            <ac:spMk id="2" creationId="{C30ECD3E-BFAB-4B12-A28E-685D0717DA19}"/>
          </ac:spMkLst>
        </pc:spChg>
        <pc:spChg chg="del">
          <ac:chgData name="Steve Grigg" userId="8751aa99-eeaf-485f-89a4-df3fadfd694e" providerId="ADAL" clId="{7139E4CD-11EC-4754-AB38-D2C7A547B19A}" dt="2021-06-08T01:19:22.697" v="2885" actId="478"/>
          <ac:spMkLst>
            <pc:docMk/>
            <pc:sldMk cId="564244243" sldId="301"/>
            <ac:spMk id="3" creationId="{AF5AA54C-AA96-4623-A45E-D37B2D6EDBD7}"/>
          </ac:spMkLst>
        </pc:spChg>
        <pc:spChg chg="add mod">
          <ac:chgData name="Steve Grigg" userId="8751aa99-eeaf-485f-89a4-df3fadfd694e" providerId="ADAL" clId="{7139E4CD-11EC-4754-AB38-D2C7A547B19A}" dt="2021-06-08T01:22:10.296" v="3125" actId="1076"/>
          <ac:spMkLst>
            <pc:docMk/>
            <pc:sldMk cId="564244243" sldId="301"/>
            <ac:spMk id="7" creationId="{65647FA4-C41B-48B4-AEDD-708E231B6C6D}"/>
          </ac:spMkLst>
        </pc:spChg>
        <pc:graphicFrameChg chg="add del mod">
          <ac:chgData name="Steve Grigg" userId="8751aa99-eeaf-485f-89a4-df3fadfd694e" providerId="ADAL" clId="{7139E4CD-11EC-4754-AB38-D2C7A547B19A}" dt="2021-06-07T22:59:25.628" v="224" actId="1032"/>
          <ac:graphicFrameMkLst>
            <pc:docMk/>
            <pc:sldMk cId="564244243" sldId="301"/>
            <ac:graphicFrameMk id="4" creationId="{7E291176-C6BB-40F2-8283-C65DA5249E06}"/>
          </ac:graphicFrameMkLst>
        </pc:graphicFrameChg>
        <pc:graphicFrameChg chg="add del mod">
          <ac:chgData name="Steve Grigg" userId="8751aa99-eeaf-485f-89a4-df3fadfd694e" providerId="ADAL" clId="{7139E4CD-11EC-4754-AB38-D2C7A547B19A}" dt="2021-06-08T01:22:04.419" v="3122" actId="1076"/>
          <ac:graphicFrameMkLst>
            <pc:docMk/>
            <pc:sldMk cId="564244243" sldId="301"/>
            <ac:graphicFrameMk id="5" creationId="{B3F67D77-3DA9-457E-A36E-212CFA532B43}"/>
          </ac:graphicFrameMkLst>
        </pc:graphicFrameChg>
        <pc:picChg chg="add mod">
          <ac:chgData name="Steve Grigg" userId="8751aa99-eeaf-485f-89a4-df3fadfd694e" providerId="ADAL" clId="{7139E4CD-11EC-4754-AB38-D2C7A547B19A}" dt="2021-06-08T01:22:10.296" v="3125" actId="1076"/>
          <ac:picMkLst>
            <pc:docMk/>
            <pc:sldMk cId="564244243" sldId="301"/>
            <ac:picMk id="6" creationId="{B5E9BD55-DE15-4405-872B-9021AEE6DCC3}"/>
          </ac:picMkLst>
        </pc:picChg>
        <pc:picChg chg="add mod">
          <ac:chgData name="Steve Grigg" userId="8751aa99-eeaf-485f-89a4-df3fadfd694e" providerId="ADAL" clId="{7139E4CD-11EC-4754-AB38-D2C7A547B19A}" dt="2021-06-08T01:22:07.041" v="3124" actId="1076"/>
          <ac:picMkLst>
            <pc:docMk/>
            <pc:sldMk cId="564244243" sldId="301"/>
            <ac:picMk id="8" creationId="{42855446-011E-4F59-9D5A-618C1D0D68B3}"/>
          </ac:picMkLst>
        </pc:picChg>
      </pc:sldChg>
      <pc:sldChg chg="addSp delSp modSp new mod modNotesTx">
        <pc:chgData name="Steve Grigg" userId="8751aa99-eeaf-485f-89a4-df3fadfd694e" providerId="ADAL" clId="{7139E4CD-11EC-4754-AB38-D2C7A547B19A}" dt="2021-06-08T22:21:53.947" v="3750" actId="20577"/>
        <pc:sldMkLst>
          <pc:docMk/>
          <pc:sldMk cId="4146730822" sldId="302"/>
        </pc:sldMkLst>
        <pc:spChg chg="mod">
          <ac:chgData name="Steve Grigg" userId="8751aa99-eeaf-485f-89a4-df3fadfd694e" providerId="ADAL" clId="{7139E4CD-11EC-4754-AB38-D2C7A547B19A}" dt="2021-06-07T23:11:08.164" v="437" actId="20577"/>
          <ac:spMkLst>
            <pc:docMk/>
            <pc:sldMk cId="4146730822" sldId="302"/>
            <ac:spMk id="2" creationId="{9700193F-B291-4DDD-8BAE-CD2AFB48564D}"/>
          </ac:spMkLst>
        </pc:spChg>
        <pc:spChg chg="add del mod">
          <ac:chgData name="Steve Grigg" userId="8751aa99-eeaf-485f-89a4-df3fadfd694e" providerId="ADAL" clId="{7139E4CD-11EC-4754-AB38-D2C7A547B19A}" dt="2021-06-08T22:11:44.237" v="3747" actId="478"/>
          <ac:spMkLst>
            <pc:docMk/>
            <pc:sldMk cId="4146730822" sldId="302"/>
            <ac:spMk id="4" creationId="{4165BDF5-BB44-4124-B4EE-FED3C963F426}"/>
          </ac:spMkLst>
        </pc:spChg>
        <pc:graphicFrameChg chg="add mod">
          <ac:chgData name="Steve Grigg" userId="8751aa99-eeaf-485f-89a4-df3fadfd694e" providerId="ADAL" clId="{7139E4CD-11EC-4754-AB38-D2C7A547B19A}" dt="2021-06-08T22:10:53.328" v="3578" actId="1076"/>
          <ac:graphicFrameMkLst>
            <pc:docMk/>
            <pc:sldMk cId="4146730822" sldId="302"/>
            <ac:graphicFrameMk id="5" creationId="{A69E424C-6EE4-4B5C-A8DD-EA860DE802FC}"/>
          </ac:graphicFrameMkLst>
        </pc:graphicFrameChg>
      </pc:sldChg>
      <pc:sldChg chg="new del">
        <pc:chgData name="Steve Grigg" userId="8751aa99-eeaf-485f-89a4-df3fadfd694e" providerId="ADAL" clId="{7139E4CD-11EC-4754-AB38-D2C7A547B19A}" dt="2021-06-08T00:18:15.325" v="1822" actId="2696"/>
        <pc:sldMkLst>
          <pc:docMk/>
          <pc:sldMk cId="271612639" sldId="303"/>
        </pc:sldMkLst>
      </pc:sldChg>
      <pc:sldChg chg="del">
        <pc:chgData name="Steve Grigg" userId="8751aa99-eeaf-485f-89a4-df3fadfd694e" providerId="ADAL" clId="{7139E4CD-11EC-4754-AB38-D2C7A547B19A}" dt="2021-06-08T00:24:19.869" v="1900" actId="2696"/>
        <pc:sldMkLst>
          <pc:docMk/>
          <pc:sldMk cId="2766290456" sldId="1841"/>
        </pc:sldMkLst>
      </pc:sldChg>
      <pc:sldChg chg="modSp mod modNotesTx">
        <pc:chgData name="Steve Grigg" userId="8751aa99-eeaf-485f-89a4-df3fadfd694e" providerId="ADAL" clId="{7139E4CD-11EC-4754-AB38-D2C7A547B19A}" dt="2021-06-08T00:33:40.955" v="2274" actId="313"/>
        <pc:sldMkLst>
          <pc:docMk/>
          <pc:sldMk cId="933731932" sldId="1842"/>
        </pc:sldMkLst>
        <pc:spChg chg="mod">
          <ac:chgData name="Steve Grigg" userId="8751aa99-eeaf-485f-89a4-df3fadfd694e" providerId="ADAL" clId="{7139E4CD-11EC-4754-AB38-D2C7A547B19A}" dt="2021-06-08T00:26:28.812" v="1938" actId="207"/>
          <ac:spMkLst>
            <pc:docMk/>
            <pc:sldMk cId="933731932" sldId="1842"/>
            <ac:spMk id="14" creationId="{35732C6B-8A8A-4496-930A-A9AB1B128B61}"/>
          </ac:spMkLst>
        </pc:spChg>
        <pc:spChg chg="mod">
          <ac:chgData name="Steve Grigg" userId="8751aa99-eeaf-485f-89a4-df3fadfd694e" providerId="ADAL" clId="{7139E4CD-11EC-4754-AB38-D2C7A547B19A}" dt="2021-06-08T00:26:19.555" v="1936" actId="1076"/>
          <ac:spMkLst>
            <pc:docMk/>
            <pc:sldMk cId="933731932" sldId="1842"/>
            <ac:spMk id="43" creationId="{983B9E90-509A-47A8-A1C0-7FA93E719C95}"/>
          </ac:spMkLst>
        </pc:spChg>
        <pc:spChg chg="mod">
          <ac:chgData name="Steve Grigg" userId="8751aa99-eeaf-485f-89a4-df3fadfd694e" providerId="ADAL" clId="{7139E4CD-11EC-4754-AB38-D2C7A547B19A}" dt="2021-06-08T00:26:53.051" v="1939" actId="1076"/>
          <ac:spMkLst>
            <pc:docMk/>
            <pc:sldMk cId="933731932" sldId="1842"/>
            <ac:spMk id="47" creationId="{73B717FB-E311-4134-A8F9-BBD294AA7AF1}"/>
          </ac:spMkLst>
        </pc:spChg>
        <pc:picChg chg="mod">
          <ac:chgData name="Steve Grigg" userId="8751aa99-eeaf-485f-89a4-df3fadfd694e" providerId="ADAL" clId="{7139E4CD-11EC-4754-AB38-D2C7A547B19A}" dt="2021-06-08T00:26:54.778" v="1940" actId="1076"/>
          <ac:picMkLst>
            <pc:docMk/>
            <pc:sldMk cId="933731932" sldId="1842"/>
            <ac:picMk id="7" creationId="{8B089195-3C1D-4F2F-8FF0-F1E1155DAE16}"/>
          </ac:picMkLst>
        </pc:picChg>
      </pc:sldChg>
      <pc:sldChg chg="addSp delSp modSp mod setBg modAnim modNotesTx">
        <pc:chgData name="Steve Grigg" userId="8751aa99-eeaf-485f-89a4-df3fadfd694e" providerId="ADAL" clId="{7139E4CD-11EC-4754-AB38-D2C7A547B19A}" dt="2021-06-08T00:31:04.638" v="1968" actId="20577"/>
        <pc:sldMkLst>
          <pc:docMk/>
          <pc:sldMk cId="2812194380" sldId="1843"/>
        </pc:sldMkLst>
        <pc:spChg chg="mod">
          <ac:chgData name="Steve Grigg" userId="8751aa99-eeaf-485f-89a4-df3fadfd694e" providerId="ADAL" clId="{7139E4CD-11EC-4754-AB38-D2C7A547B19A}" dt="2021-06-08T00:23:42.222" v="1895" actId="20577"/>
          <ac:spMkLst>
            <pc:docMk/>
            <pc:sldMk cId="2812194380" sldId="1843"/>
            <ac:spMk id="4" creationId="{A6230A51-43A6-4755-BFAE-AB207ABF8FA9}"/>
          </ac:spMkLst>
        </pc:spChg>
        <pc:spChg chg="del mod ord topLvl">
          <ac:chgData name="Steve Grigg" userId="8751aa99-eeaf-485f-89a4-df3fadfd694e" providerId="ADAL" clId="{7139E4CD-11EC-4754-AB38-D2C7A547B19A}" dt="2021-06-08T00:19:55.238" v="1850" actId="478"/>
          <ac:spMkLst>
            <pc:docMk/>
            <pc:sldMk cId="2812194380" sldId="1843"/>
            <ac:spMk id="10" creationId="{6164309C-C045-4964-BAE5-5792E57274A1}"/>
          </ac:spMkLst>
        </pc:spChg>
        <pc:spChg chg="add del mod topLvl">
          <ac:chgData name="Steve Grigg" userId="8751aa99-eeaf-485f-89a4-df3fadfd694e" providerId="ADAL" clId="{7139E4CD-11EC-4754-AB38-D2C7A547B19A}" dt="2021-06-08T00:21:25.258" v="1860" actId="478"/>
          <ac:spMkLst>
            <pc:docMk/>
            <pc:sldMk cId="2812194380" sldId="1843"/>
            <ac:spMk id="14" creationId="{8E469C21-1DAE-460A-B08E-309EBE22188E}"/>
          </ac:spMkLst>
        </pc:spChg>
        <pc:spChg chg="add mod">
          <ac:chgData name="Steve Grigg" userId="8751aa99-eeaf-485f-89a4-df3fadfd694e" providerId="ADAL" clId="{7139E4CD-11EC-4754-AB38-D2C7A547B19A}" dt="2021-06-08T00:25:35.560" v="1934" actId="1076"/>
          <ac:spMkLst>
            <pc:docMk/>
            <pc:sldMk cId="2812194380" sldId="1843"/>
            <ac:spMk id="16" creationId="{4512D38E-565F-4335-BCC2-1A7EC807848A}"/>
          </ac:spMkLst>
        </pc:spChg>
        <pc:spChg chg="add mod">
          <ac:chgData name="Steve Grigg" userId="8751aa99-eeaf-485f-89a4-df3fadfd694e" providerId="ADAL" clId="{7139E4CD-11EC-4754-AB38-D2C7A547B19A}" dt="2021-06-08T00:25:23.673" v="1916" actId="1076"/>
          <ac:spMkLst>
            <pc:docMk/>
            <pc:sldMk cId="2812194380" sldId="1843"/>
            <ac:spMk id="17" creationId="{552815B3-598F-4F4A-811E-101B49908294}"/>
          </ac:spMkLst>
        </pc:spChg>
        <pc:spChg chg="mod">
          <ac:chgData name="Steve Grigg" userId="8751aa99-eeaf-485f-89a4-df3fadfd694e" providerId="ADAL" clId="{7139E4CD-11EC-4754-AB38-D2C7A547B19A}" dt="2021-06-08T00:25:32.360" v="1933" actId="122"/>
          <ac:spMkLst>
            <pc:docMk/>
            <pc:sldMk cId="2812194380" sldId="1843"/>
            <ac:spMk id="18" creationId="{7FBADFFA-E660-43CE-A556-84B6EA84F19A}"/>
          </ac:spMkLst>
        </pc:spChg>
        <pc:spChg chg="del">
          <ac:chgData name="Steve Grigg" userId="8751aa99-eeaf-485f-89a4-df3fadfd694e" providerId="ADAL" clId="{7139E4CD-11EC-4754-AB38-D2C7A547B19A}" dt="2021-06-08T00:25:11.646" v="1913" actId="478"/>
          <ac:spMkLst>
            <pc:docMk/>
            <pc:sldMk cId="2812194380" sldId="1843"/>
            <ac:spMk id="19" creationId="{EFF419A8-FC44-495B-9164-08D08874D6F7}"/>
          </ac:spMkLst>
        </pc:spChg>
        <pc:spChg chg="add mod">
          <ac:chgData name="Steve Grigg" userId="8751aa99-eeaf-485f-89a4-df3fadfd694e" providerId="ADAL" clId="{7139E4CD-11EC-4754-AB38-D2C7A547B19A}" dt="2021-06-08T00:25:18.230" v="1915" actId="122"/>
          <ac:spMkLst>
            <pc:docMk/>
            <pc:sldMk cId="2812194380" sldId="1843"/>
            <ac:spMk id="20" creationId="{183BFEE9-4616-458A-A1DB-44ADC23B87B8}"/>
          </ac:spMkLst>
        </pc:spChg>
        <pc:spChg chg="add mod">
          <ac:chgData name="Steve Grigg" userId="8751aa99-eeaf-485f-89a4-df3fadfd694e" providerId="ADAL" clId="{7139E4CD-11EC-4754-AB38-D2C7A547B19A}" dt="2021-06-08T00:25:18.230" v="1915" actId="122"/>
          <ac:spMkLst>
            <pc:docMk/>
            <pc:sldMk cId="2812194380" sldId="1843"/>
            <ac:spMk id="21" creationId="{D9E6234A-5734-4914-AAD4-1EEDCE79ED53}"/>
          </ac:spMkLst>
        </pc:spChg>
        <pc:spChg chg="mod">
          <ac:chgData name="Steve Grigg" userId="8751aa99-eeaf-485f-89a4-df3fadfd694e" providerId="ADAL" clId="{7139E4CD-11EC-4754-AB38-D2C7A547B19A}" dt="2021-06-08T00:25:39.393" v="1935" actId="1076"/>
          <ac:spMkLst>
            <pc:docMk/>
            <pc:sldMk cId="2812194380" sldId="1843"/>
            <ac:spMk id="22" creationId="{E16155E0-2B9D-4A6F-9595-D68E73936DD8}"/>
          </ac:spMkLst>
        </pc:spChg>
        <pc:grpChg chg="add del mod">
          <ac:chgData name="Steve Grigg" userId="8751aa99-eeaf-485f-89a4-df3fadfd694e" providerId="ADAL" clId="{7139E4CD-11EC-4754-AB38-D2C7A547B19A}" dt="2021-06-08T00:19:52.996" v="1849" actId="165"/>
          <ac:grpSpMkLst>
            <pc:docMk/>
            <pc:sldMk cId="2812194380" sldId="1843"/>
            <ac:grpSpMk id="15" creationId="{E034381C-65A8-4112-BB46-1D0F3E86CB01}"/>
          </ac:grpSpMkLst>
        </pc:grpChg>
        <pc:picChg chg="mod">
          <ac:chgData name="Steve Grigg" userId="8751aa99-eeaf-485f-89a4-df3fadfd694e" providerId="ADAL" clId="{7139E4CD-11EC-4754-AB38-D2C7A547B19A}" dt="2021-06-08T00:24:51.431" v="1908" actId="1076"/>
          <ac:picMkLst>
            <pc:docMk/>
            <pc:sldMk cId="2812194380" sldId="1843"/>
            <ac:picMk id="6" creationId="{54335547-2174-4DDF-BDC4-18A707D302BB}"/>
          </ac:picMkLst>
        </pc:picChg>
        <pc:picChg chg="del mod topLvl">
          <ac:chgData name="Steve Grigg" userId="8751aa99-eeaf-485f-89a4-df3fadfd694e" providerId="ADAL" clId="{7139E4CD-11EC-4754-AB38-D2C7A547B19A}" dt="2021-06-08T00:21:14.346" v="1856" actId="478"/>
          <ac:picMkLst>
            <pc:docMk/>
            <pc:sldMk cId="2812194380" sldId="1843"/>
            <ac:picMk id="8" creationId="{EEB21114-1AF4-4B11-884C-3F18E37D1BB8}"/>
          </ac:picMkLst>
        </pc:picChg>
        <pc:picChg chg="add mod">
          <ac:chgData name="Steve Grigg" userId="8751aa99-eeaf-485f-89a4-df3fadfd694e" providerId="ADAL" clId="{7139E4CD-11EC-4754-AB38-D2C7A547B19A}" dt="2021-06-08T00:23:26.717" v="1879" actId="1076"/>
          <ac:picMkLst>
            <pc:docMk/>
            <pc:sldMk cId="2812194380" sldId="1843"/>
            <ac:picMk id="13" creationId="{EEB21114-1AF4-4B11-884C-3F18E37D1BB8}"/>
          </ac:picMkLst>
        </pc:picChg>
        <pc:picChg chg="add del mod">
          <ac:chgData name="Steve Grigg" userId="8751aa99-eeaf-485f-89a4-df3fadfd694e" providerId="ADAL" clId="{7139E4CD-11EC-4754-AB38-D2C7A547B19A}" dt="2021-06-08T00:23:08.662" v="1876" actId="478"/>
          <ac:picMkLst>
            <pc:docMk/>
            <pc:sldMk cId="2812194380" sldId="1843"/>
            <ac:picMk id="1026" creationId="{DC0742A4-3CAA-429A-B0DB-673B48BE0AD8}"/>
          </ac:picMkLst>
        </pc:picChg>
        <pc:picChg chg="mod">
          <ac:chgData name="Steve Grigg" userId="8751aa99-eeaf-485f-89a4-df3fadfd694e" providerId="ADAL" clId="{7139E4CD-11EC-4754-AB38-D2C7A547B19A}" dt="2021-06-08T00:23:50.201" v="1896" actId="1440"/>
          <ac:picMkLst>
            <pc:docMk/>
            <pc:sldMk cId="2812194380" sldId="1843"/>
            <ac:picMk id="2050" creationId="{78AFB150-1FD6-4F7B-9445-A74DAF92D2C0}"/>
          </ac:picMkLst>
        </pc:picChg>
      </pc:sldChg>
      <pc:sldChg chg="addSp delSp modSp new mod modAnim modNotes">
        <pc:chgData name="Steve Grigg" userId="8751aa99-eeaf-485f-89a4-df3fadfd694e" providerId="ADAL" clId="{7139E4CD-11EC-4754-AB38-D2C7A547B19A}" dt="2021-06-09T01:14:49.786" v="4078" actId="167"/>
        <pc:sldMkLst>
          <pc:docMk/>
          <pc:sldMk cId="2198381956" sldId="1844"/>
        </pc:sldMkLst>
        <pc:spChg chg="mod">
          <ac:chgData name="Steve Grigg" userId="8751aa99-eeaf-485f-89a4-df3fadfd694e" providerId="ADAL" clId="{7139E4CD-11EC-4754-AB38-D2C7A547B19A}" dt="2021-06-08T01:11:59.354" v="2718" actId="313"/>
          <ac:spMkLst>
            <pc:docMk/>
            <pc:sldMk cId="2198381956" sldId="1844"/>
            <ac:spMk id="2" creationId="{19750BF4-ECF0-4F79-B776-18D894EDAA13}"/>
          </ac:spMkLst>
        </pc:spChg>
        <pc:spChg chg="add mod">
          <ac:chgData name="Steve Grigg" userId="8751aa99-eeaf-485f-89a4-df3fadfd694e" providerId="ADAL" clId="{7139E4CD-11EC-4754-AB38-D2C7A547B19A}" dt="2021-06-08T01:14:11.313" v="2730" actId="1076"/>
          <ac:spMkLst>
            <pc:docMk/>
            <pc:sldMk cId="2198381956" sldId="1844"/>
            <ac:spMk id="5" creationId="{6E893E0E-5DF5-4B22-92F1-7F2ACAB9244E}"/>
          </ac:spMkLst>
        </pc:spChg>
        <pc:spChg chg="add mod">
          <ac:chgData name="Steve Grigg" userId="8751aa99-eeaf-485f-89a4-df3fadfd694e" providerId="ADAL" clId="{7139E4CD-11EC-4754-AB38-D2C7A547B19A}" dt="2021-06-08T01:14:25.256" v="2734" actId="207"/>
          <ac:spMkLst>
            <pc:docMk/>
            <pc:sldMk cId="2198381956" sldId="1844"/>
            <ac:spMk id="7" creationId="{393B6B32-14DD-4D2C-8C09-0997F1B0EDE8}"/>
          </ac:spMkLst>
        </pc:spChg>
        <pc:spChg chg="add mod">
          <ac:chgData name="Steve Grigg" userId="8751aa99-eeaf-485f-89a4-df3fadfd694e" providerId="ADAL" clId="{7139E4CD-11EC-4754-AB38-D2C7A547B19A}" dt="2021-06-08T01:15:34.354" v="2811" actId="1076"/>
          <ac:spMkLst>
            <pc:docMk/>
            <pc:sldMk cId="2198381956" sldId="1844"/>
            <ac:spMk id="12" creationId="{07923384-1C79-41D0-8B50-84C839073453}"/>
          </ac:spMkLst>
        </pc:spChg>
        <pc:spChg chg="add mod">
          <ac:chgData name="Steve Grigg" userId="8751aa99-eeaf-485f-89a4-df3fadfd694e" providerId="ADAL" clId="{7139E4CD-11EC-4754-AB38-D2C7A547B19A}" dt="2021-06-08T01:16:30.687" v="2848" actId="20577"/>
          <ac:spMkLst>
            <pc:docMk/>
            <pc:sldMk cId="2198381956" sldId="1844"/>
            <ac:spMk id="13" creationId="{92F9AAB8-81EE-4DF3-9B63-1CA5D122964E}"/>
          </ac:spMkLst>
        </pc:spChg>
        <pc:spChg chg="add mod">
          <ac:chgData name="Steve Grigg" userId="8751aa99-eeaf-485f-89a4-df3fadfd694e" providerId="ADAL" clId="{7139E4CD-11EC-4754-AB38-D2C7A547B19A}" dt="2021-06-09T01:14:44.433" v="4077" actId="1076"/>
          <ac:spMkLst>
            <pc:docMk/>
            <pc:sldMk cId="2198381956" sldId="1844"/>
            <ac:spMk id="16" creationId="{EEDC84B3-08D9-4DB7-92F5-30E71DA5D2E5}"/>
          </ac:spMkLst>
        </pc:spChg>
        <pc:picChg chg="add mod ord">
          <ac:chgData name="Steve Grigg" userId="8751aa99-eeaf-485f-89a4-df3fadfd694e" providerId="ADAL" clId="{7139E4CD-11EC-4754-AB38-D2C7A547B19A}" dt="2021-06-09T01:14:49.786" v="4078" actId="167"/>
          <ac:picMkLst>
            <pc:docMk/>
            <pc:sldMk cId="2198381956" sldId="1844"/>
            <ac:picMk id="4" creationId="{90200CA4-8A38-46EF-8988-65DEECE3CF6E}"/>
          </ac:picMkLst>
        </pc:picChg>
        <pc:picChg chg="add del mod">
          <ac:chgData name="Steve Grigg" userId="8751aa99-eeaf-485f-89a4-df3fadfd694e" providerId="ADAL" clId="{7139E4CD-11EC-4754-AB38-D2C7A547B19A}" dt="2021-06-09T01:14:32.677" v="4069" actId="478"/>
          <ac:picMkLst>
            <pc:docMk/>
            <pc:sldMk cId="2198381956" sldId="1844"/>
            <ac:picMk id="6" creationId="{319E5C72-A6F1-411E-B58E-C91FCEE6F226}"/>
          </ac:picMkLst>
        </pc:picChg>
        <pc:picChg chg="add mod ord">
          <ac:chgData name="Steve Grigg" userId="8751aa99-eeaf-485f-89a4-df3fadfd694e" providerId="ADAL" clId="{7139E4CD-11EC-4754-AB38-D2C7A547B19A}" dt="2021-06-09T01:14:41.116" v="4075" actId="1036"/>
          <ac:picMkLst>
            <pc:docMk/>
            <pc:sldMk cId="2198381956" sldId="1844"/>
            <ac:picMk id="17" creationId="{CD3EE735-B6DF-4F9E-BC94-B648539AA744}"/>
          </ac:picMkLst>
        </pc:picChg>
        <pc:cxnChg chg="add del mod">
          <ac:chgData name="Steve Grigg" userId="8751aa99-eeaf-485f-89a4-df3fadfd694e" providerId="ADAL" clId="{7139E4CD-11EC-4754-AB38-D2C7A547B19A}" dt="2021-06-08T01:15:10.301" v="2741" actId="478"/>
          <ac:cxnSpMkLst>
            <pc:docMk/>
            <pc:sldMk cId="2198381956" sldId="1844"/>
            <ac:cxnSpMk id="9" creationId="{CCBAD81D-37BF-48DE-AA67-8D0910163323}"/>
          </ac:cxnSpMkLst>
        </pc:cxnChg>
        <pc:cxnChg chg="add">
          <ac:chgData name="Steve Grigg" userId="8751aa99-eeaf-485f-89a4-df3fadfd694e" providerId="ADAL" clId="{7139E4CD-11EC-4754-AB38-D2C7A547B19A}" dt="2021-06-08T01:15:14.675" v="2742" actId="11529"/>
          <ac:cxnSpMkLst>
            <pc:docMk/>
            <pc:sldMk cId="2198381956" sldId="1844"/>
            <ac:cxnSpMk id="11" creationId="{24803F2E-3429-4A73-81B9-CD4A8E3E96FF}"/>
          </ac:cxnSpMkLst>
        </pc:cxnChg>
        <pc:cxnChg chg="add">
          <ac:chgData name="Steve Grigg" userId="8751aa99-eeaf-485f-89a4-df3fadfd694e" providerId="ADAL" clId="{7139E4CD-11EC-4754-AB38-D2C7A547B19A}" dt="2021-06-08T01:16:35.922" v="2849" actId="11529"/>
          <ac:cxnSpMkLst>
            <pc:docMk/>
            <pc:sldMk cId="2198381956" sldId="1844"/>
            <ac:cxnSpMk id="15" creationId="{A133C833-DED8-4128-8AFA-C440B530946C}"/>
          </ac:cxnSpMkLst>
        </pc:cxnChg>
      </pc:sldChg>
      <pc:sldChg chg="addSp delSp modSp new mod modNotesTx">
        <pc:chgData name="Steve Grigg" userId="8751aa99-eeaf-485f-89a4-df3fadfd694e" providerId="ADAL" clId="{7139E4CD-11EC-4754-AB38-D2C7A547B19A}" dt="2021-06-09T00:54:36.665" v="4038" actId="20577"/>
        <pc:sldMkLst>
          <pc:docMk/>
          <pc:sldMk cId="53986970" sldId="1845"/>
        </pc:sldMkLst>
        <pc:spChg chg="mod">
          <ac:chgData name="Steve Grigg" userId="8751aa99-eeaf-485f-89a4-df3fadfd694e" providerId="ADAL" clId="{7139E4CD-11EC-4754-AB38-D2C7A547B19A}" dt="2021-06-09T00:48:11.703" v="3786" actId="20577"/>
          <ac:spMkLst>
            <pc:docMk/>
            <pc:sldMk cId="53986970" sldId="1845"/>
            <ac:spMk id="2" creationId="{A925520B-AD8A-4920-B8FC-3F587D18B85B}"/>
          </ac:spMkLst>
        </pc:spChg>
        <pc:spChg chg="mod">
          <ac:chgData name="Steve Grigg" userId="8751aa99-eeaf-485f-89a4-df3fadfd694e" providerId="ADAL" clId="{7139E4CD-11EC-4754-AB38-D2C7A547B19A}" dt="2021-06-09T00:53:20.598" v="3924" actId="1076"/>
          <ac:spMkLst>
            <pc:docMk/>
            <pc:sldMk cId="53986970" sldId="1845"/>
            <ac:spMk id="3" creationId="{EB388A22-884D-46BD-82E3-6873F645933D}"/>
          </ac:spMkLst>
        </pc:spChg>
        <pc:spChg chg="add mod">
          <ac:chgData name="Steve Grigg" userId="8751aa99-eeaf-485f-89a4-df3fadfd694e" providerId="ADAL" clId="{7139E4CD-11EC-4754-AB38-D2C7A547B19A}" dt="2021-06-09T00:53:42.483" v="3932" actId="14100"/>
          <ac:spMkLst>
            <pc:docMk/>
            <pc:sldMk cId="53986970" sldId="1845"/>
            <ac:spMk id="4" creationId="{F7FB9BD1-43F6-467C-AEEB-7142C8278397}"/>
          </ac:spMkLst>
        </pc:spChg>
        <pc:spChg chg="add del mod topLvl">
          <ac:chgData name="Steve Grigg" userId="8751aa99-eeaf-485f-89a4-df3fadfd694e" providerId="ADAL" clId="{7139E4CD-11EC-4754-AB38-D2C7A547B19A}" dt="2021-06-09T00:53:45.412" v="3933" actId="1076"/>
          <ac:spMkLst>
            <pc:docMk/>
            <pc:sldMk cId="53986970" sldId="1845"/>
            <ac:spMk id="6" creationId="{81CC317A-DB31-4ADC-9B23-061E2BB4A25C}"/>
          </ac:spMkLst>
        </pc:spChg>
        <pc:spChg chg="add del mod topLvl">
          <ac:chgData name="Steve Grigg" userId="8751aa99-eeaf-485f-89a4-df3fadfd694e" providerId="ADAL" clId="{7139E4CD-11EC-4754-AB38-D2C7A547B19A}" dt="2021-06-09T00:53:45.412" v="3933" actId="1076"/>
          <ac:spMkLst>
            <pc:docMk/>
            <pc:sldMk cId="53986970" sldId="1845"/>
            <ac:spMk id="7" creationId="{518CCC30-EFB2-4E3E-9F95-4A08C030F5E9}"/>
          </ac:spMkLst>
        </pc:spChg>
        <pc:spChg chg="add del mod topLvl">
          <ac:chgData name="Steve Grigg" userId="8751aa99-eeaf-485f-89a4-df3fadfd694e" providerId="ADAL" clId="{7139E4CD-11EC-4754-AB38-D2C7A547B19A}" dt="2021-06-09T00:53:45.412" v="3933" actId="1076"/>
          <ac:spMkLst>
            <pc:docMk/>
            <pc:sldMk cId="53986970" sldId="1845"/>
            <ac:spMk id="8" creationId="{DD303F9A-A4FC-4F7D-88B1-63A7DDD0126D}"/>
          </ac:spMkLst>
        </pc:spChg>
        <pc:spChg chg="add del mod topLvl">
          <ac:chgData name="Steve Grigg" userId="8751aa99-eeaf-485f-89a4-df3fadfd694e" providerId="ADAL" clId="{7139E4CD-11EC-4754-AB38-D2C7A547B19A}" dt="2021-06-09T00:53:45.412" v="3933" actId="1076"/>
          <ac:spMkLst>
            <pc:docMk/>
            <pc:sldMk cId="53986970" sldId="1845"/>
            <ac:spMk id="9" creationId="{76C11B01-30BC-413E-A878-CEB98F772333}"/>
          </ac:spMkLst>
        </pc:spChg>
        <pc:spChg chg="add del mod topLvl">
          <ac:chgData name="Steve Grigg" userId="8751aa99-eeaf-485f-89a4-df3fadfd694e" providerId="ADAL" clId="{7139E4CD-11EC-4754-AB38-D2C7A547B19A}" dt="2021-06-09T00:53:45.412" v="3933" actId="1076"/>
          <ac:spMkLst>
            <pc:docMk/>
            <pc:sldMk cId="53986970" sldId="1845"/>
            <ac:spMk id="10" creationId="{E3F0198B-213A-461E-9399-E69A53A78A10}"/>
          </ac:spMkLst>
        </pc:spChg>
        <pc:spChg chg="add del mod topLvl">
          <ac:chgData name="Steve Grigg" userId="8751aa99-eeaf-485f-89a4-df3fadfd694e" providerId="ADAL" clId="{7139E4CD-11EC-4754-AB38-D2C7A547B19A}" dt="2021-06-09T00:53:45.412" v="3933" actId="1076"/>
          <ac:spMkLst>
            <pc:docMk/>
            <pc:sldMk cId="53986970" sldId="1845"/>
            <ac:spMk id="11" creationId="{4ADC36CC-CF9A-4725-BB3F-F13F215642F7}"/>
          </ac:spMkLst>
        </pc:spChg>
        <pc:spChg chg="add del mod topLvl">
          <ac:chgData name="Steve Grigg" userId="8751aa99-eeaf-485f-89a4-df3fadfd694e" providerId="ADAL" clId="{7139E4CD-11EC-4754-AB38-D2C7A547B19A}" dt="2021-06-09T00:53:45.412" v="3933" actId="1076"/>
          <ac:spMkLst>
            <pc:docMk/>
            <pc:sldMk cId="53986970" sldId="1845"/>
            <ac:spMk id="12" creationId="{6626B920-A981-46B7-99FF-666DF2A82ED0}"/>
          </ac:spMkLst>
        </pc:spChg>
        <pc:spChg chg="add del mod topLvl">
          <ac:chgData name="Steve Grigg" userId="8751aa99-eeaf-485f-89a4-df3fadfd694e" providerId="ADAL" clId="{7139E4CD-11EC-4754-AB38-D2C7A547B19A}" dt="2021-06-09T00:53:45.412" v="3933" actId="1076"/>
          <ac:spMkLst>
            <pc:docMk/>
            <pc:sldMk cId="53986970" sldId="1845"/>
            <ac:spMk id="13" creationId="{207D37E6-E6A9-4384-83FE-652A03EDD5DE}"/>
          </ac:spMkLst>
        </pc:spChg>
        <pc:spChg chg="add del mod topLvl">
          <ac:chgData name="Steve Grigg" userId="8751aa99-eeaf-485f-89a4-df3fadfd694e" providerId="ADAL" clId="{7139E4CD-11EC-4754-AB38-D2C7A547B19A}" dt="2021-06-09T00:53:45.412" v="3933" actId="1076"/>
          <ac:spMkLst>
            <pc:docMk/>
            <pc:sldMk cId="53986970" sldId="1845"/>
            <ac:spMk id="14" creationId="{9EB0A565-AC0A-457A-896A-2DA0045E5A47}"/>
          </ac:spMkLst>
        </pc:spChg>
        <pc:spChg chg="add del mod topLvl">
          <ac:chgData name="Steve Grigg" userId="8751aa99-eeaf-485f-89a4-df3fadfd694e" providerId="ADAL" clId="{7139E4CD-11EC-4754-AB38-D2C7A547B19A}" dt="2021-06-09T00:53:45.412" v="3933" actId="1076"/>
          <ac:spMkLst>
            <pc:docMk/>
            <pc:sldMk cId="53986970" sldId="1845"/>
            <ac:spMk id="15" creationId="{4191C426-73FD-412D-BDEC-F37036930624}"/>
          </ac:spMkLst>
        </pc:spChg>
        <pc:spChg chg="add del mod topLvl">
          <ac:chgData name="Steve Grigg" userId="8751aa99-eeaf-485f-89a4-df3fadfd694e" providerId="ADAL" clId="{7139E4CD-11EC-4754-AB38-D2C7A547B19A}" dt="2021-06-09T00:53:45.412" v="3933" actId="1076"/>
          <ac:spMkLst>
            <pc:docMk/>
            <pc:sldMk cId="53986970" sldId="1845"/>
            <ac:spMk id="16" creationId="{F90C65FC-8BB7-4A07-92B9-9C209E895AC4}"/>
          </ac:spMkLst>
        </pc:spChg>
        <pc:spChg chg="add del mod topLvl">
          <ac:chgData name="Steve Grigg" userId="8751aa99-eeaf-485f-89a4-df3fadfd694e" providerId="ADAL" clId="{7139E4CD-11EC-4754-AB38-D2C7A547B19A}" dt="2021-06-09T00:53:45.412" v="3933" actId="1076"/>
          <ac:spMkLst>
            <pc:docMk/>
            <pc:sldMk cId="53986970" sldId="1845"/>
            <ac:spMk id="17" creationId="{CC5E7C74-FB1F-4253-9BC3-E2F15BED21EB}"/>
          </ac:spMkLst>
        </pc:spChg>
        <pc:spChg chg="add del mod topLvl">
          <ac:chgData name="Steve Grigg" userId="8751aa99-eeaf-485f-89a4-df3fadfd694e" providerId="ADAL" clId="{7139E4CD-11EC-4754-AB38-D2C7A547B19A}" dt="2021-06-09T00:53:45.412" v="3933" actId="1076"/>
          <ac:spMkLst>
            <pc:docMk/>
            <pc:sldMk cId="53986970" sldId="1845"/>
            <ac:spMk id="18" creationId="{EFB1AFDD-4F95-46D4-8931-9954D1391331}"/>
          </ac:spMkLst>
        </pc:spChg>
        <pc:spChg chg="add del mod topLvl">
          <ac:chgData name="Steve Grigg" userId="8751aa99-eeaf-485f-89a4-df3fadfd694e" providerId="ADAL" clId="{7139E4CD-11EC-4754-AB38-D2C7A547B19A}" dt="2021-06-09T00:53:45.412" v="3933" actId="1076"/>
          <ac:spMkLst>
            <pc:docMk/>
            <pc:sldMk cId="53986970" sldId="1845"/>
            <ac:spMk id="19" creationId="{B51D4C7E-72C4-4DEA-AA1B-CDF93483B499}"/>
          </ac:spMkLst>
        </pc:spChg>
        <pc:spChg chg="add del mod topLvl">
          <ac:chgData name="Steve Grigg" userId="8751aa99-eeaf-485f-89a4-df3fadfd694e" providerId="ADAL" clId="{7139E4CD-11EC-4754-AB38-D2C7A547B19A}" dt="2021-06-09T00:53:45.412" v="3933" actId="1076"/>
          <ac:spMkLst>
            <pc:docMk/>
            <pc:sldMk cId="53986970" sldId="1845"/>
            <ac:spMk id="20" creationId="{8E9DEE32-31FF-4553-B5CA-E70C8A55A5A8}"/>
          </ac:spMkLst>
        </pc:spChg>
        <pc:spChg chg="add del mod topLvl">
          <ac:chgData name="Steve Grigg" userId="8751aa99-eeaf-485f-89a4-df3fadfd694e" providerId="ADAL" clId="{7139E4CD-11EC-4754-AB38-D2C7A547B19A}" dt="2021-06-09T00:53:45.412" v="3933" actId="1076"/>
          <ac:spMkLst>
            <pc:docMk/>
            <pc:sldMk cId="53986970" sldId="1845"/>
            <ac:spMk id="21" creationId="{916C2D84-C3C3-4209-A011-6DBD152DDFAE}"/>
          </ac:spMkLst>
        </pc:spChg>
        <pc:spChg chg="add del mod topLvl">
          <ac:chgData name="Steve Grigg" userId="8751aa99-eeaf-485f-89a4-df3fadfd694e" providerId="ADAL" clId="{7139E4CD-11EC-4754-AB38-D2C7A547B19A}" dt="2021-06-09T00:53:45.412" v="3933" actId="1076"/>
          <ac:spMkLst>
            <pc:docMk/>
            <pc:sldMk cId="53986970" sldId="1845"/>
            <ac:spMk id="22" creationId="{41B0E4F2-4E79-431F-BB36-E2C8D5F80B43}"/>
          </ac:spMkLst>
        </pc:spChg>
        <pc:spChg chg="add del mod topLvl">
          <ac:chgData name="Steve Grigg" userId="8751aa99-eeaf-485f-89a4-df3fadfd694e" providerId="ADAL" clId="{7139E4CD-11EC-4754-AB38-D2C7A547B19A}" dt="2021-06-09T00:53:45.412" v="3933" actId="1076"/>
          <ac:spMkLst>
            <pc:docMk/>
            <pc:sldMk cId="53986970" sldId="1845"/>
            <ac:spMk id="23" creationId="{00FC3DA3-850E-4DCA-B08B-2AEE81F11018}"/>
          </ac:spMkLst>
        </pc:spChg>
        <pc:spChg chg="add del mod topLvl">
          <ac:chgData name="Steve Grigg" userId="8751aa99-eeaf-485f-89a4-df3fadfd694e" providerId="ADAL" clId="{7139E4CD-11EC-4754-AB38-D2C7A547B19A}" dt="2021-06-09T00:53:45.412" v="3933" actId="1076"/>
          <ac:spMkLst>
            <pc:docMk/>
            <pc:sldMk cId="53986970" sldId="1845"/>
            <ac:spMk id="24" creationId="{E93456EF-0275-4B6D-BE2E-2623077302D8}"/>
          </ac:spMkLst>
        </pc:spChg>
        <pc:spChg chg="del mod topLvl">
          <ac:chgData name="Steve Grigg" userId="8751aa99-eeaf-485f-89a4-df3fadfd694e" providerId="ADAL" clId="{7139E4CD-11EC-4754-AB38-D2C7A547B19A}" dt="2021-06-09T00:51:58.054" v="3909" actId="478"/>
          <ac:spMkLst>
            <pc:docMk/>
            <pc:sldMk cId="53986970" sldId="1845"/>
            <ac:spMk id="25" creationId="{830B3D1F-70C4-4758-B678-A7933349B79F}"/>
          </ac:spMkLst>
        </pc:spChg>
        <pc:spChg chg="del mod topLvl">
          <ac:chgData name="Steve Grigg" userId="8751aa99-eeaf-485f-89a4-df3fadfd694e" providerId="ADAL" clId="{7139E4CD-11EC-4754-AB38-D2C7A547B19A}" dt="2021-06-09T00:51:58.054" v="3909" actId="478"/>
          <ac:spMkLst>
            <pc:docMk/>
            <pc:sldMk cId="53986970" sldId="1845"/>
            <ac:spMk id="26" creationId="{C0F1C25D-5DCF-42E4-8A41-8A689B169E15}"/>
          </ac:spMkLst>
        </pc:spChg>
        <pc:spChg chg="del mod topLvl">
          <ac:chgData name="Steve Grigg" userId="8751aa99-eeaf-485f-89a4-df3fadfd694e" providerId="ADAL" clId="{7139E4CD-11EC-4754-AB38-D2C7A547B19A}" dt="2021-06-09T00:51:58.054" v="3909" actId="478"/>
          <ac:spMkLst>
            <pc:docMk/>
            <pc:sldMk cId="53986970" sldId="1845"/>
            <ac:spMk id="27" creationId="{50B818B6-03AE-448A-92D0-8D7D059A1C13}"/>
          </ac:spMkLst>
        </pc:spChg>
        <pc:spChg chg="del mod topLvl">
          <ac:chgData name="Steve Grigg" userId="8751aa99-eeaf-485f-89a4-df3fadfd694e" providerId="ADAL" clId="{7139E4CD-11EC-4754-AB38-D2C7A547B19A}" dt="2021-06-09T00:51:58.054" v="3909" actId="478"/>
          <ac:spMkLst>
            <pc:docMk/>
            <pc:sldMk cId="53986970" sldId="1845"/>
            <ac:spMk id="28" creationId="{989E07B2-930B-4FA0-B7E0-D26E33BC27A1}"/>
          </ac:spMkLst>
        </pc:spChg>
        <pc:spChg chg="del mod topLvl">
          <ac:chgData name="Steve Grigg" userId="8751aa99-eeaf-485f-89a4-df3fadfd694e" providerId="ADAL" clId="{7139E4CD-11EC-4754-AB38-D2C7A547B19A}" dt="2021-06-09T00:51:58.054" v="3909" actId="478"/>
          <ac:spMkLst>
            <pc:docMk/>
            <pc:sldMk cId="53986970" sldId="1845"/>
            <ac:spMk id="29" creationId="{CFEAC3F2-8234-4394-A2A6-1C8FB197A1C1}"/>
          </ac:spMkLst>
        </pc:spChg>
        <pc:spChg chg="del mod topLvl">
          <ac:chgData name="Steve Grigg" userId="8751aa99-eeaf-485f-89a4-df3fadfd694e" providerId="ADAL" clId="{7139E4CD-11EC-4754-AB38-D2C7A547B19A}" dt="2021-06-09T00:51:58.054" v="3909" actId="478"/>
          <ac:spMkLst>
            <pc:docMk/>
            <pc:sldMk cId="53986970" sldId="1845"/>
            <ac:spMk id="30" creationId="{AA9B8956-D228-4F9C-A2F2-6392D2172F45}"/>
          </ac:spMkLst>
        </pc:spChg>
        <pc:spChg chg="del mod topLvl">
          <ac:chgData name="Steve Grigg" userId="8751aa99-eeaf-485f-89a4-df3fadfd694e" providerId="ADAL" clId="{7139E4CD-11EC-4754-AB38-D2C7A547B19A}" dt="2021-06-09T00:51:58.054" v="3909" actId="478"/>
          <ac:spMkLst>
            <pc:docMk/>
            <pc:sldMk cId="53986970" sldId="1845"/>
            <ac:spMk id="31" creationId="{F4389290-230D-4D71-AA57-196F7A070D50}"/>
          </ac:spMkLst>
        </pc:spChg>
        <pc:spChg chg="del mod topLvl">
          <ac:chgData name="Steve Grigg" userId="8751aa99-eeaf-485f-89a4-df3fadfd694e" providerId="ADAL" clId="{7139E4CD-11EC-4754-AB38-D2C7A547B19A}" dt="2021-06-09T00:51:58.054" v="3909" actId="478"/>
          <ac:spMkLst>
            <pc:docMk/>
            <pc:sldMk cId="53986970" sldId="1845"/>
            <ac:spMk id="32" creationId="{FB4759BD-7C2D-4B9B-8BFB-0C0732A43848}"/>
          </ac:spMkLst>
        </pc:spChg>
        <pc:spChg chg="del mod topLvl">
          <ac:chgData name="Steve Grigg" userId="8751aa99-eeaf-485f-89a4-df3fadfd694e" providerId="ADAL" clId="{7139E4CD-11EC-4754-AB38-D2C7A547B19A}" dt="2021-06-09T00:51:58.054" v="3909" actId="478"/>
          <ac:spMkLst>
            <pc:docMk/>
            <pc:sldMk cId="53986970" sldId="1845"/>
            <ac:spMk id="33" creationId="{62B74255-60A9-471E-B881-986923704C5F}"/>
          </ac:spMkLst>
        </pc:spChg>
        <pc:spChg chg="del mod topLvl">
          <ac:chgData name="Steve Grigg" userId="8751aa99-eeaf-485f-89a4-df3fadfd694e" providerId="ADAL" clId="{7139E4CD-11EC-4754-AB38-D2C7A547B19A}" dt="2021-06-09T00:51:58.054" v="3909" actId="478"/>
          <ac:spMkLst>
            <pc:docMk/>
            <pc:sldMk cId="53986970" sldId="1845"/>
            <ac:spMk id="34" creationId="{00CF53E1-BD11-4B90-8E5E-10A89E74A983}"/>
          </ac:spMkLst>
        </pc:spChg>
        <pc:spChg chg="del mod topLvl">
          <ac:chgData name="Steve Grigg" userId="8751aa99-eeaf-485f-89a4-df3fadfd694e" providerId="ADAL" clId="{7139E4CD-11EC-4754-AB38-D2C7A547B19A}" dt="2021-06-09T00:51:58.054" v="3909" actId="478"/>
          <ac:spMkLst>
            <pc:docMk/>
            <pc:sldMk cId="53986970" sldId="1845"/>
            <ac:spMk id="35" creationId="{7936CAFD-D7D5-4D99-BC61-9C7CC3AE6320}"/>
          </ac:spMkLst>
        </pc:spChg>
        <pc:spChg chg="del mod topLvl">
          <ac:chgData name="Steve Grigg" userId="8751aa99-eeaf-485f-89a4-df3fadfd694e" providerId="ADAL" clId="{7139E4CD-11EC-4754-AB38-D2C7A547B19A}" dt="2021-06-09T00:51:58.054" v="3909" actId="478"/>
          <ac:spMkLst>
            <pc:docMk/>
            <pc:sldMk cId="53986970" sldId="1845"/>
            <ac:spMk id="36" creationId="{0BBF4C99-CE53-4D57-A132-05C6D974A170}"/>
          </ac:spMkLst>
        </pc:spChg>
        <pc:spChg chg="del mod topLvl">
          <ac:chgData name="Steve Grigg" userId="8751aa99-eeaf-485f-89a4-df3fadfd694e" providerId="ADAL" clId="{7139E4CD-11EC-4754-AB38-D2C7A547B19A}" dt="2021-06-09T00:51:58.054" v="3909" actId="478"/>
          <ac:spMkLst>
            <pc:docMk/>
            <pc:sldMk cId="53986970" sldId="1845"/>
            <ac:spMk id="37" creationId="{99543078-422A-4077-AF88-654D527068F4}"/>
          </ac:spMkLst>
        </pc:spChg>
        <pc:spChg chg="del mod topLvl">
          <ac:chgData name="Steve Grigg" userId="8751aa99-eeaf-485f-89a4-df3fadfd694e" providerId="ADAL" clId="{7139E4CD-11EC-4754-AB38-D2C7A547B19A}" dt="2021-06-09T00:51:58.054" v="3909" actId="478"/>
          <ac:spMkLst>
            <pc:docMk/>
            <pc:sldMk cId="53986970" sldId="1845"/>
            <ac:spMk id="38" creationId="{3C231347-4C4E-42B5-8875-26F683550F55}"/>
          </ac:spMkLst>
        </pc:spChg>
        <pc:spChg chg="del mod topLvl">
          <ac:chgData name="Steve Grigg" userId="8751aa99-eeaf-485f-89a4-df3fadfd694e" providerId="ADAL" clId="{7139E4CD-11EC-4754-AB38-D2C7A547B19A}" dt="2021-06-09T00:51:59.385" v="3910" actId="478"/>
          <ac:spMkLst>
            <pc:docMk/>
            <pc:sldMk cId="53986970" sldId="1845"/>
            <ac:spMk id="39" creationId="{49D99E48-F248-4613-A31F-F567EA1B9B06}"/>
          </ac:spMkLst>
        </pc:spChg>
        <pc:spChg chg="del mod topLvl">
          <ac:chgData name="Steve Grigg" userId="8751aa99-eeaf-485f-89a4-df3fadfd694e" providerId="ADAL" clId="{7139E4CD-11EC-4754-AB38-D2C7A547B19A}" dt="2021-06-09T00:51:58.054" v="3909" actId="478"/>
          <ac:spMkLst>
            <pc:docMk/>
            <pc:sldMk cId="53986970" sldId="1845"/>
            <ac:spMk id="40" creationId="{32F717DA-441C-4A00-8E3C-484F1B3318CB}"/>
          </ac:spMkLst>
        </pc:spChg>
        <pc:spChg chg="del mod topLvl">
          <ac:chgData name="Steve Grigg" userId="8751aa99-eeaf-485f-89a4-df3fadfd694e" providerId="ADAL" clId="{7139E4CD-11EC-4754-AB38-D2C7A547B19A}" dt="2021-06-09T00:51:58.054" v="3909" actId="478"/>
          <ac:spMkLst>
            <pc:docMk/>
            <pc:sldMk cId="53986970" sldId="1845"/>
            <ac:spMk id="41" creationId="{69C85CA8-302B-46DB-8094-9FF99C035395}"/>
          </ac:spMkLst>
        </pc:spChg>
        <pc:spChg chg="del mod topLvl">
          <ac:chgData name="Steve Grigg" userId="8751aa99-eeaf-485f-89a4-df3fadfd694e" providerId="ADAL" clId="{7139E4CD-11EC-4754-AB38-D2C7A547B19A}" dt="2021-06-09T00:51:59.385" v="3910" actId="478"/>
          <ac:spMkLst>
            <pc:docMk/>
            <pc:sldMk cId="53986970" sldId="1845"/>
            <ac:spMk id="42" creationId="{2380C8A8-D0E9-4EA2-BC91-B4563E4B8680}"/>
          </ac:spMkLst>
        </pc:spChg>
        <pc:spChg chg="del mod topLvl">
          <ac:chgData name="Steve Grigg" userId="8751aa99-eeaf-485f-89a4-df3fadfd694e" providerId="ADAL" clId="{7139E4CD-11EC-4754-AB38-D2C7A547B19A}" dt="2021-06-09T00:51:58.054" v="3909" actId="478"/>
          <ac:spMkLst>
            <pc:docMk/>
            <pc:sldMk cId="53986970" sldId="1845"/>
            <ac:spMk id="43" creationId="{B072A24A-8809-4F23-A1C5-4207DEFD7D5B}"/>
          </ac:spMkLst>
        </pc:spChg>
        <pc:spChg chg="del mod topLvl">
          <ac:chgData name="Steve Grigg" userId="8751aa99-eeaf-485f-89a4-df3fadfd694e" providerId="ADAL" clId="{7139E4CD-11EC-4754-AB38-D2C7A547B19A}" dt="2021-06-09T00:51:58.054" v="3909" actId="478"/>
          <ac:spMkLst>
            <pc:docMk/>
            <pc:sldMk cId="53986970" sldId="1845"/>
            <ac:spMk id="44" creationId="{0645EC2C-F47D-4D0F-A94A-A33067DF013A}"/>
          </ac:spMkLst>
        </pc:spChg>
        <pc:spChg chg="add del mod topLvl">
          <ac:chgData name="Steve Grigg" userId="8751aa99-eeaf-485f-89a4-df3fadfd694e" providerId="ADAL" clId="{7139E4CD-11EC-4754-AB38-D2C7A547B19A}" dt="2021-06-09T00:52:17.143" v="3920" actId="478"/>
          <ac:spMkLst>
            <pc:docMk/>
            <pc:sldMk cId="53986970" sldId="1845"/>
            <ac:spMk id="45" creationId="{CE1DE91C-2810-41AB-A68B-7EE9A9C34766}"/>
          </ac:spMkLst>
        </pc:spChg>
        <pc:spChg chg="add del mod topLvl">
          <ac:chgData name="Steve Grigg" userId="8751aa99-eeaf-485f-89a4-df3fadfd694e" providerId="ADAL" clId="{7139E4CD-11EC-4754-AB38-D2C7A547B19A}" dt="2021-06-09T00:52:17.143" v="3920" actId="478"/>
          <ac:spMkLst>
            <pc:docMk/>
            <pc:sldMk cId="53986970" sldId="1845"/>
            <ac:spMk id="46" creationId="{3FDBC68B-F931-4C93-BD9E-F2CF9CF37BBE}"/>
          </ac:spMkLst>
        </pc:spChg>
        <pc:spChg chg="add del mod topLvl">
          <ac:chgData name="Steve Grigg" userId="8751aa99-eeaf-485f-89a4-df3fadfd694e" providerId="ADAL" clId="{7139E4CD-11EC-4754-AB38-D2C7A547B19A}" dt="2021-06-09T00:52:17.143" v="3920" actId="478"/>
          <ac:spMkLst>
            <pc:docMk/>
            <pc:sldMk cId="53986970" sldId="1845"/>
            <ac:spMk id="47" creationId="{89CD2DEC-A526-4951-8375-2BFC3B0E0C4F}"/>
          </ac:spMkLst>
        </pc:spChg>
        <pc:spChg chg="add del mod topLvl">
          <ac:chgData name="Steve Grigg" userId="8751aa99-eeaf-485f-89a4-df3fadfd694e" providerId="ADAL" clId="{7139E4CD-11EC-4754-AB38-D2C7A547B19A}" dt="2021-06-09T00:52:17.143" v="3920" actId="478"/>
          <ac:spMkLst>
            <pc:docMk/>
            <pc:sldMk cId="53986970" sldId="1845"/>
            <ac:spMk id="48" creationId="{D007BAED-7B3D-4D17-B732-0C0A9A25A46D}"/>
          </ac:spMkLst>
        </pc:spChg>
        <pc:spChg chg="add del mod topLvl">
          <ac:chgData name="Steve Grigg" userId="8751aa99-eeaf-485f-89a4-df3fadfd694e" providerId="ADAL" clId="{7139E4CD-11EC-4754-AB38-D2C7A547B19A}" dt="2021-06-09T00:52:17.143" v="3920" actId="478"/>
          <ac:spMkLst>
            <pc:docMk/>
            <pc:sldMk cId="53986970" sldId="1845"/>
            <ac:spMk id="49" creationId="{372CBAE5-8088-49D9-9F57-7E38B1536785}"/>
          </ac:spMkLst>
        </pc:spChg>
        <pc:spChg chg="del mod topLvl">
          <ac:chgData name="Steve Grigg" userId="8751aa99-eeaf-485f-89a4-df3fadfd694e" providerId="ADAL" clId="{7139E4CD-11EC-4754-AB38-D2C7A547B19A}" dt="2021-06-09T00:52:00.358" v="3911" actId="478"/>
          <ac:spMkLst>
            <pc:docMk/>
            <pc:sldMk cId="53986970" sldId="1845"/>
            <ac:spMk id="50" creationId="{7FE20BCE-169E-4628-8839-A0771BD43F4D}"/>
          </ac:spMkLst>
        </pc:spChg>
        <pc:spChg chg="del mod topLvl">
          <ac:chgData name="Steve Grigg" userId="8751aa99-eeaf-485f-89a4-df3fadfd694e" providerId="ADAL" clId="{7139E4CD-11EC-4754-AB38-D2C7A547B19A}" dt="2021-06-09T00:52:00.358" v="3911" actId="478"/>
          <ac:spMkLst>
            <pc:docMk/>
            <pc:sldMk cId="53986970" sldId="1845"/>
            <ac:spMk id="51" creationId="{59FB8DDA-7A6D-4C9B-B690-72983F0B0DA7}"/>
          </ac:spMkLst>
        </pc:spChg>
        <pc:spChg chg="del mod topLvl">
          <ac:chgData name="Steve Grigg" userId="8751aa99-eeaf-485f-89a4-df3fadfd694e" providerId="ADAL" clId="{7139E4CD-11EC-4754-AB38-D2C7A547B19A}" dt="2021-06-09T00:52:00.358" v="3911" actId="478"/>
          <ac:spMkLst>
            <pc:docMk/>
            <pc:sldMk cId="53986970" sldId="1845"/>
            <ac:spMk id="52" creationId="{D54AC7BC-A407-4410-8333-B5F4D13ADEDB}"/>
          </ac:spMkLst>
        </pc:spChg>
        <pc:spChg chg="del mod topLvl">
          <ac:chgData name="Steve Grigg" userId="8751aa99-eeaf-485f-89a4-df3fadfd694e" providerId="ADAL" clId="{7139E4CD-11EC-4754-AB38-D2C7A547B19A}" dt="2021-06-09T00:52:00.358" v="3911" actId="478"/>
          <ac:spMkLst>
            <pc:docMk/>
            <pc:sldMk cId="53986970" sldId="1845"/>
            <ac:spMk id="53" creationId="{5D98D11A-9C2E-49D0-BE21-B756ED10661F}"/>
          </ac:spMkLst>
        </pc:spChg>
        <pc:spChg chg="del mod topLvl">
          <ac:chgData name="Steve Grigg" userId="8751aa99-eeaf-485f-89a4-df3fadfd694e" providerId="ADAL" clId="{7139E4CD-11EC-4754-AB38-D2C7A547B19A}" dt="2021-06-09T00:52:00.358" v="3911" actId="478"/>
          <ac:spMkLst>
            <pc:docMk/>
            <pc:sldMk cId="53986970" sldId="1845"/>
            <ac:spMk id="54" creationId="{593AB305-1572-4EA7-B45D-CF3A7A511859}"/>
          </ac:spMkLst>
        </pc:spChg>
        <pc:spChg chg="del mod topLvl">
          <ac:chgData name="Steve Grigg" userId="8751aa99-eeaf-485f-89a4-df3fadfd694e" providerId="ADAL" clId="{7139E4CD-11EC-4754-AB38-D2C7A547B19A}" dt="2021-06-09T00:52:00.358" v="3911" actId="478"/>
          <ac:spMkLst>
            <pc:docMk/>
            <pc:sldMk cId="53986970" sldId="1845"/>
            <ac:spMk id="55" creationId="{7FC4293F-6521-4242-B57F-213B2364CBEC}"/>
          </ac:spMkLst>
        </pc:spChg>
        <pc:spChg chg="del mod topLvl">
          <ac:chgData name="Steve Grigg" userId="8751aa99-eeaf-485f-89a4-df3fadfd694e" providerId="ADAL" clId="{7139E4CD-11EC-4754-AB38-D2C7A547B19A}" dt="2021-06-09T00:52:00.358" v="3911" actId="478"/>
          <ac:spMkLst>
            <pc:docMk/>
            <pc:sldMk cId="53986970" sldId="1845"/>
            <ac:spMk id="56" creationId="{F25A3D6F-1872-4A9B-8C9E-F9543C6AAE80}"/>
          </ac:spMkLst>
        </pc:spChg>
        <pc:spChg chg="del mod topLvl">
          <ac:chgData name="Steve Grigg" userId="8751aa99-eeaf-485f-89a4-df3fadfd694e" providerId="ADAL" clId="{7139E4CD-11EC-4754-AB38-D2C7A547B19A}" dt="2021-06-09T00:52:01.523" v="3913" actId="478"/>
          <ac:spMkLst>
            <pc:docMk/>
            <pc:sldMk cId="53986970" sldId="1845"/>
            <ac:spMk id="57" creationId="{553BFF80-E9F0-4129-9A40-5AE2C0CC9A51}"/>
          </ac:spMkLst>
        </pc:spChg>
        <pc:spChg chg="del mod topLvl">
          <ac:chgData name="Steve Grigg" userId="8751aa99-eeaf-485f-89a4-df3fadfd694e" providerId="ADAL" clId="{7139E4CD-11EC-4754-AB38-D2C7A547B19A}" dt="2021-06-09T00:51:58.054" v="3909" actId="478"/>
          <ac:spMkLst>
            <pc:docMk/>
            <pc:sldMk cId="53986970" sldId="1845"/>
            <ac:spMk id="58" creationId="{A7C73F30-C9B8-4214-870B-20D5D81FF1A7}"/>
          </ac:spMkLst>
        </pc:spChg>
        <pc:spChg chg="del mod topLvl">
          <ac:chgData name="Steve Grigg" userId="8751aa99-eeaf-485f-89a4-df3fadfd694e" providerId="ADAL" clId="{7139E4CD-11EC-4754-AB38-D2C7A547B19A}" dt="2021-06-09T00:52:00.358" v="3911" actId="478"/>
          <ac:spMkLst>
            <pc:docMk/>
            <pc:sldMk cId="53986970" sldId="1845"/>
            <ac:spMk id="59" creationId="{9BA0B105-1372-4E97-9632-38284D4484DB}"/>
          </ac:spMkLst>
        </pc:spChg>
        <pc:spChg chg="del mod topLvl">
          <ac:chgData name="Steve Grigg" userId="8751aa99-eeaf-485f-89a4-df3fadfd694e" providerId="ADAL" clId="{7139E4CD-11EC-4754-AB38-D2C7A547B19A}" dt="2021-06-09T00:52:00.358" v="3911" actId="478"/>
          <ac:spMkLst>
            <pc:docMk/>
            <pc:sldMk cId="53986970" sldId="1845"/>
            <ac:spMk id="60" creationId="{EFF764B5-71F0-481F-837B-28E359B92420}"/>
          </ac:spMkLst>
        </pc:spChg>
        <pc:spChg chg="add del mod topLvl">
          <ac:chgData name="Steve Grigg" userId="8751aa99-eeaf-485f-89a4-df3fadfd694e" providerId="ADAL" clId="{7139E4CD-11EC-4754-AB38-D2C7A547B19A}" dt="2021-06-09T00:52:17.143" v="3920" actId="478"/>
          <ac:spMkLst>
            <pc:docMk/>
            <pc:sldMk cId="53986970" sldId="1845"/>
            <ac:spMk id="61" creationId="{CD157366-C757-488B-A30A-D75EA842ABF6}"/>
          </ac:spMkLst>
        </pc:spChg>
        <pc:spChg chg="add del mod topLvl">
          <ac:chgData name="Steve Grigg" userId="8751aa99-eeaf-485f-89a4-df3fadfd694e" providerId="ADAL" clId="{7139E4CD-11EC-4754-AB38-D2C7A547B19A}" dt="2021-06-09T00:52:17.143" v="3920" actId="478"/>
          <ac:spMkLst>
            <pc:docMk/>
            <pc:sldMk cId="53986970" sldId="1845"/>
            <ac:spMk id="62" creationId="{5F3CCBEF-BEED-4E03-BD2C-F0D62B59F60D}"/>
          </ac:spMkLst>
        </pc:spChg>
        <pc:spChg chg="del mod topLvl">
          <ac:chgData name="Steve Grigg" userId="8751aa99-eeaf-485f-89a4-df3fadfd694e" providerId="ADAL" clId="{7139E4CD-11EC-4754-AB38-D2C7A547B19A}" dt="2021-06-09T00:52:00.358" v="3911" actId="478"/>
          <ac:spMkLst>
            <pc:docMk/>
            <pc:sldMk cId="53986970" sldId="1845"/>
            <ac:spMk id="63" creationId="{4501C5A1-B098-4885-AEB8-68946A48A5EF}"/>
          </ac:spMkLst>
        </pc:spChg>
        <pc:spChg chg="del mod topLvl">
          <ac:chgData name="Steve Grigg" userId="8751aa99-eeaf-485f-89a4-df3fadfd694e" providerId="ADAL" clId="{7139E4CD-11EC-4754-AB38-D2C7A547B19A}" dt="2021-06-09T00:52:00.358" v="3911" actId="478"/>
          <ac:spMkLst>
            <pc:docMk/>
            <pc:sldMk cId="53986970" sldId="1845"/>
            <ac:spMk id="64" creationId="{FA5C36F1-42ED-4A4C-80C4-0ADE40FA29A7}"/>
          </ac:spMkLst>
        </pc:spChg>
        <pc:spChg chg="del mod topLvl">
          <ac:chgData name="Steve Grigg" userId="8751aa99-eeaf-485f-89a4-df3fadfd694e" providerId="ADAL" clId="{7139E4CD-11EC-4754-AB38-D2C7A547B19A}" dt="2021-06-09T00:51:58.054" v="3909" actId="478"/>
          <ac:spMkLst>
            <pc:docMk/>
            <pc:sldMk cId="53986970" sldId="1845"/>
            <ac:spMk id="65" creationId="{E5C81A39-0FE9-4782-9E1F-B2FBC9A02419}"/>
          </ac:spMkLst>
        </pc:spChg>
        <pc:spChg chg="del mod topLvl">
          <ac:chgData name="Steve Grigg" userId="8751aa99-eeaf-485f-89a4-df3fadfd694e" providerId="ADAL" clId="{7139E4CD-11EC-4754-AB38-D2C7A547B19A}" dt="2021-06-09T00:51:58.054" v="3909" actId="478"/>
          <ac:spMkLst>
            <pc:docMk/>
            <pc:sldMk cId="53986970" sldId="1845"/>
            <ac:spMk id="66" creationId="{E7861C7D-266D-4261-811E-F104CDED54B4}"/>
          </ac:spMkLst>
        </pc:spChg>
        <pc:spChg chg="del mod topLvl">
          <ac:chgData name="Steve Grigg" userId="8751aa99-eeaf-485f-89a4-df3fadfd694e" providerId="ADAL" clId="{7139E4CD-11EC-4754-AB38-D2C7A547B19A}" dt="2021-06-09T00:51:58.054" v="3909" actId="478"/>
          <ac:spMkLst>
            <pc:docMk/>
            <pc:sldMk cId="53986970" sldId="1845"/>
            <ac:spMk id="67" creationId="{38B4BCB8-B73A-4FB8-8D23-4DDBF61371E3}"/>
          </ac:spMkLst>
        </pc:spChg>
        <pc:spChg chg="del mod topLvl">
          <ac:chgData name="Steve Grigg" userId="8751aa99-eeaf-485f-89a4-df3fadfd694e" providerId="ADAL" clId="{7139E4CD-11EC-4754-AB38-D2C7A547B19A}" dt="2021-06-09T00:51:58.054" v="3909" actId="478"/>
          <ac:spMkLst>
            <pc:docMk/>
            <pc:sldMk cId="53986970" sldId="1845"/>
            <ac:spMk id="68" creationId="{593903F8-D6C0-46F0-BAFF-6D99DCDC63BC}"/>
          </ac:spMkLst>
        </pc:spChg>
        <pc:spChg chg="del mod topLvl">
          <ac:chgData name="Steve Grigg" userId="8751aa99-eeaf-485f-89a4-df3fadfd694e" providerId="ADAL" clId="{7139E4CD-11EC-4754-AB38-D2C7A547B19A}" dt="2021-06-09T00:51:58.054" v="3909" actId="478"/>
          <ac:spMkLst>
            <pc:docMk/>
            <pc:sldMk cId="53986970" sldId="1845"/>
            <ac:spMk id="69" creationId="{977550DF-2E6A-4C5A-8F49-A0DE7F7F3E3D}"/>
          </ac:spMkLst>
        </pc:spChg>
        <pc:spChg chg="del mod topLvl">
          <ac:chgData name="Steve Grigg" userId="8751aa99-eeaf-485f-89a4-df3fadfd694e" providerId="ADAL" clId="{7139E4CD-11EC-4754-AB38-D2C7A547B19A}" dt="2021-06-09T00:51:58.054" v="3909" actId="478"/>
          <ac:spMkLst>
            <pc:docMk/>
            <pc:sldMk cId="53986970" sldId="1845"/>
            <ac:spMk id="70" creationId="{740125E8-BE3D-48B3-B6FF-4DF51257DBCE}"/>
          </ac:spMkLst>
        </pc:spChg>
        <pc:spChg chg="del mod topLvl">
          <ac:chgData name="Steve Grigg" userId="8751aa99-eeaf-485f-89a4-df3fadfd694e" providerId="ADAL" clId="{7139E4CD-11EC-4754-AB38-D2C7A547B19A}" dt="2021-06-09T00:51:58.054" v="3909" actId="478"/>
          <ac:spMkLst>
            <pc:docMk/>
            <pc:sldMk cId="53986970" sldId="1845"/>
            <ac:spMk id="71" creationId="{C5AB644F-E6B8-4F59-95DA-D92F30531296}"/>
          </ac:spMkLst>
        </pc:spChg>
        <pc:spChg chg="del mod topLvl">
          <ac:chgData name="Steve Grigg" userId="8751aa99-eeaf-485f-89a4-df3fadfd694e" providerId="ADAL" clId="{7139E4CD-11EC-4754-AB38-D2C7A547B19A}" dt="2021-06-09T00:51:58.054" v="3909" actId="478"/>
          <ac:spMkLst>
            <pc:docMk/>
            <pc:sldMk cId="53986970" sldId="1845"/>
            <ac:spMk id="72" creationId="{EE664780-5C52-439D-8DF0-9589CFF5FBA3}"/>
          </ac:spMkLst>
        </pc:spChg>
        <pc:spChg chg="del mod topLvl">
          <ac:chgData name="Steve Grigg" userId="8751aa99-eeaf-485f-89a4-df3fadfd694e" providerId="ADAL" clId="{7139E4CD-11EC-4754-AB38-D2C7A547B19A}" dt="2021-06-09T00:51:58.054" v="3909" actId="478"/>
          <ac:spMkLst>
            <pc:docMk/>
            <pc:sldMk cId="53986970" sldId="1845"/>
            <ac:spMk id="73" creationId="{743CCC63-2982-4F12-A7AA-CA1E157128C7}"/>
          </ac:spMkLst>
        </pc:spChg>
        <pc:spChg chg="del mod topLvl">
          <ac:chgData name="Steve Grigg" userId="8751aa99-eeaf-485f-89a4-df3fadfd694e" providerId="ADAL" clId="{7139E4CD-11EC-4754-AB38-D2C7A547B19A}" dt="2021-06-09T00:51:58.054" v="3909" actId="478"/>
          <ac:spMkLst>
            <pc:docMk/>
            <pc:sldMk cId="53986970" sldId="1845"/>
            <ac:spMk id="74" creationId="{3EC730A6-4359-4EAF-9657-EF0D65E6C8BD}"/>
          </ac:spMkLst>
        </pc:spChg>
        <pc:spChg chg="del mod topLvl">
          <ac:chgData name="Steve Grigg" userId="8751aa99-eeaf-485f-89a4-df3fadfd694e" providerId="ADAL" clId="{7139E4CD-11EC-4754-AB38-D2C7A547B19A}" dt="2021-06-09T00:51:58.054" v="3909" actId="478"/>
          <ac:spMkLst>
            <pc:docMk/>
            <pc:sldMk cId="53986970" sldId="1845"/>
            <ac:spMk id="75" creationId="{4BD21105-EA76-4335-A232-3BEA17D2CE3A}"/>
          </ac:spMkLst>
        </pc:spChg>
        <pc:spChg chg="del mod topLvl">
          <ac:chgData name="Steve Grigg" userId="8751aa99-eeaf-485f-89a4-df3fadfd694e" providerId="ADAL" clId="{7139E4CD-11EC-4754-AB38-D2C7A547B19A}" dt="2021-06-09T00:51:58.054" v="3909" actId="478"/>
          <ac:spMkLst>
            <pc:docMk/>
            <pc:sldMk cId="53986970" sldId="1845"/>
            <ac:spMk id="76" creationId="{24807ECC-9CFC-4AA3-89B8-4CAE411D6841}"/>
          </ac:spMkLst>
        </pc:spChg>
        <pc:spChg chg="del mod topLvl">
          <ac:chgData name="Steve Grigg" userId="8751aa99-eeaf-485f-89a4-df3fadfd694e" providerId="ADAL" clId="{7139E4CD-11EC-4754-AB38-D2C7A547B19A}" dt="2021-06-09T00:51:58.054" v="3909" actId="478"/>
          <ac:spMkLst>
            <pc:docMk/>
            <pc:sldMk cId="53986970" sldId="1845"/>
            <ac:spMk id="77" creationId="{47280103-6CDF-462E-9778-659D91A33487}"/>
          </ac:spMkLst>
        </pc:spChg>
        <pc:spChg chg="del mod topLvl">
          <ac:chgData name="Steve Grigg" userId="8751aa99-eeaf-485f-89a4-df3fadfd694e" providerId="ADAL" clId="{7139E4CD-11EC-4754-AB38-D2C7A547B19A}" dt="2021-06-09T00:51:58.054" v="3909" actId="478"/>
          <ac:spMkLst>
            <pc:docMk/>
            <pc:sldMk cId="53986970" sldId="1845"/>
            <ac:spMk id="78" creationId="{1FE1D602-4EF6-4163-84A6-BB9DE174807C}"/>
          </ac:spMkLst>
        </pc:spChg>
        <pc:spChg chg="del mod topLvl">
          <ac:chgData name="Steve Grigg" userId="8751aa99-eeaf-485f-89a4-df3fadfd694e" providerId="ADAL" clId="{7139E4CD-11EC-4754-AB38-D2C7A547B19A}" dt="2021-06-09T00:51:58.054" v="3909" actId="478"/>
          <ac:spMkLst>
            <pc:docMk/>
            <pc:sldMk cId="53986970" sldId="1845"/>
            <ac:spMk id="79" creationId="{C381539D-9F8E-40E5-8CE7-E16D971282F8}"/>
          </ac:spMkLst>
        </pc:spChg>
        <pc:spChg chg="del mod topLvl">
          <ac:chgData name="Steve Grigg" userId="8751aa99-eeaf-485f-89a4-df3fadfd694e" providerId="ADAL" clId="{7139E4CD-11EC-4754-AB38-D2C7A547B19A}" dt="2021-06-09T00:51:58.054" v="3909" actId="478"/>
          <ac:spMkLst>
            <pc:docMk/>
            <pc:sldMk cId="53986970" sldId="1845"/>
            <ac:spMk id="80" creationId="{9E98E78A-F5F2-4D30-BBD3-CFD92EE77803}"/>
          </ac:spMkLst>
        </pc:spChg>
        <pc:spChg chg="del mod topLvl">
          <ac:chgData name="Steve Grigg" userId="8751aa99-eeaf-485f-89a4-df3fadfd694e" providerId="ADAL" clId="{7139E4CD-11EC-4754-AB38-D2C7A547B19A}" dt="2021-06-09T00:51:58.054" v="3909" actId="478"/>
          <ac:spMkLst>
            <pc:docMk/>
            <pc:sldMk cId="53986970" sldId="1845"/>
            <ac:spMk id="81" creationId="{39B38209-E03E-4F64-9976-E0EFA780DCA3}"/>
          </ac:spMkLst>
        </pc:spChg>
        <pc:spChg chg="del mod topLvl">
          <ac:chgData name="Steve Grigg" userId="8751aa99-eeaf-485f-89a4-df3fadfd694e" providerId="ADAL" clId="{7139E4CD-11EC-4754-AB38-D2C7A547B19A}" dt="2021-06-09T00:51:58.054" v="3909" actId="478"/>
          <ac:spMkLst>
            <pc:docMk/>
            <pc:sldMk cId="53986970" sldId="1845"/>
            <ac:spMk id="82" creationId="{7AF3B8C3-A6F4-415E-8CE5-42B77D091BFF}"/>
          </ac:spMkLst>
        </pc:spChg>
        <pc:spChg chg="del mod topLvl">
          <ac:chgData name="Steve Grigg" userId="8751aa99-eeaf-485f-89a4-df3fadfd694e" providerId="ADAL" clId="{7139E4CD-11EC-4754-AB38-D2C7A547B19A}" dt="2021-06-09T00:51:58.054" v="3909" actId="478"/>
          <ac:spMkLst>
            <pc:docMk/>
            <pc:sldMk cId="53986970" sldId="1845"/>
            <ac:spMk id="83" creationId="{437BE3D2-D30B-490A-9BC6-981F252A4053}"/>
          </ac:spMkLst>
        </pc:spChg>
        <pc:spChg chg="del mod topLvl">
          <ac:chgData name="Steve Grigg" userId="8751aa99-eeaf-485f-89a4-df3fadfd694e" providerId="ADAL" clId="{7139E4CD-11EC-4754-AB38-D2C7A547B19A}" dt="2021-06-09T00:51:58.054" v="3909" actId="478"/>
          <ac:spMkLst>
            <pc:docMk/>
            <pc:sldMk cId="53986970" sldId="1845"/>
            <ac:spMk id="84" creationId="{C34CD8EE-7C7B-4DF6-A3AA-3883E2DFBC81}"/>
          </ac:spMkLst>
        </pc:spChg>
        <pc:spChg chg="del mod topLvl">
          <ac:chgData name="Steve Grigg" userId="8751aa99-eeaf-485f-89a4-df3fadfd694e" providerId="ADAL" clId="{7139E4CD-11EC-4754-AB38-D2C7A547B19A}" dt="2021-06-09T00:51:58.054" v="3909" actId="478"/>
          <ac:spMkLst>
            <pc:docMk/>
            <pc:sldMk cId="53986970" sldId="1845"/>
            <ac:spMk id="85" creationId="{E79A3C6B-30DA-47E7-BD8F-8D24C36A2864}"/>
          </ac:spMkLst>
        </pc:spChg>
        <pc:spChg chg="del mod topLvl">
          <ac:chgData name="Steve Grigg" userId="8751aa99-eeaf-485f-89a4-df3fadfd694e" providerId="ADAL" clId="{7139E4CD-11EC-4754-AB38-D2C7A547B19A}" dt="2021-06-09T00:51:58.054" v="3909" actId="478"/>
          <ac:spMkLst>
            <pc:docMk/>
            <pc:sldMk cId="53986970" sldId="1845"/>
            <ac:spMk id="86" creationId="{867AD3F1-86AF-4F3D-BC83-0651FBEDB927}"/>
          </ac:spMkLst>
        </pc:spChg>
        <pc:spChg chg="del mod topLvl">
          <ac:chgData name="Steve Grigg" userId="8751aa99-eeaf-485f-89a4-df3fadfd694e" providerId="ADAL" clId="{7139E4CD-11EC-4754-AB38-D2C7A547B19A}" dt="2021-06-09T00:51:58.054" v="3909" actId="478"/>
          <ac:spMkLst>
            <pc:docMk/>
            <pc:sldMk cId="53986970" sldId="1845"/>
            <ac:spMk id="87" creationId="{B29864F8-FA2C-4226-A2A4-82318A4DDC2A}"/>
          </ac:spMkLst>
        </pc:spChg>
        <pc:spChg chg="del mod topLvl">
          <ac:chgData name="Steve Grigg" userId="8751aa99-eeaf-485f-89a4-df3fadfd694e" providerId="ADAL" clId="{7139E4CD-11EC-4754-AB38-D2C7A547B19A}" dt="2021-06-09T00:51:58.054" v="3909" actId="478"/>
          <ac:spMkLst>
            <pc:docMk/>
            <pc:sldMk cId="53986970" sldId="1845"/>
            <ac:spMk id="88" creationId="{FECF5FE9-38E1-4D76-A927-B60C0AE0A54E}"/>
          </ac:spMkLst>
        </pc:spChg>
        <pc:spChg chg="del mod topLvl">
          <ac:chgData name="Steve Grigg" userId="8751aa99-eeaf-485f-89a4-df3fadfd694e" providerId="ADAL" clId="{7139E4CD-11EC-4754-AB38-D2C7A547B19A}" dt="2021-06-09T00:51:58.054" v="3909" actId="478"/>
          <ac:spMkLst>
            <pc:docMk/>
            <pc:sldMk cId="53986970" sldId="1845"/>
            <ac:spMk id="89" creationId="{E61C1F5D-4B72-40CE-B411-F393026EFF58}"/>
          </ac:spMkLst>
        </pc:spChg>
        <pc:spChg chg="del mod topLvl">
          <ac:chgData name="Steve Grigg" userId="8751aa99-eeaf-485f-89a4-df3fadfd694e" providerId="ADAL" clId="{7139E4CD-11EC-4754-AB38-D2C7A547B19A}" dt="2021-06-09T00:51:58.054" v="3909" actId="478"/>
          <ac:spMkLst>
            <pc:docMk/>
            <pc:sldMk cId="53986970" sldId="1845"/>
            <ac:spMk id="90" creationId="{0D5EDF5B-E9BB-41F8-99EB-DDD23677296E}"/>
          </ac:spMkLst>
        </pc:spChg>
        <pc:spChg chg="del mod topLvl">
          <ac:chgData name="Steve Grigg" userId="8751aa99-eeaf-485f-89a4-df3fadfd694e" providerId="ADAL" clId="{7139E4CD-11EC-4754-AB38-D2C7A547B19A}" dt="2021-06-09T00:51:58.054" v="3909" actId="478"/>
          <ac:spMkLst>
            <pc:docMk/>
            <pc:sldMk cId="53986970" sldId="1845"/>
            <ac:spMk id="91" creationId="{C3253FF6-B343-4FD2-9CBE-BECB1F4760C1}"/>
          </ac:spMkLst>
        </pc:spChg>
        <pc:spChg chg="del mod topLvl">
          <ac:chgData name="Steve Grigg" userId="8751aa99-eeaf-485f-89a4-df3fadfd694e" providerId="ADAL" clId="{7139E4CD-11EC-4754-AB38-D2C7A547B19A}" dt="2021-06-09T00:51:58.054" v="3909" actId="478"/>
          <ac:spMkLst>
            <pc:docMk/>
            <pc:sldMk cId="53986970" sldId="1845"/>
            <ac:spMk id="92" creationId="{8D3B676A-2F84-4368-B959-E71358669FD5}"/>
          </ac:spMkLst>
        </pc:spChg>
        <pc:spChg chg="del mod topLvl">
          <ac:chgData name="Steve Grigg" userId="8751aa99-eeaf-485f-89a4-df3fadfd694e" providerId="ADAL" clId="{7139E4CD-11EC-4754-AB38-D2C7A547B19A}" dt="2021-06-09T00:51:58.054" v="3909" actId="478"/>
          <ac:spMkLst>
            <pc:docMk/>
            <pc:sldMk cId="53986970" sldId="1845"/>
            <ac:spMk id="93" creationId="{D11D2237-7BDE-4282-8E26-37291D189A1E}"/>
          </ac:spMkLst>
        </pc:spChg>
        <pc:spChg chg="del mod topLvl">
          <ac:chgData name="Steve Grigg" userId="8751aa99-eeaf-485f-89a4-df3fadfd694e" providerId="ADAL" clId="{7139E4CD-11EC-4754-AB38-D2C7A547B19A}" dt="2021-06-09T00:51:58.054" v="3909" actId="478"/>
          <ac:spMkLst>
            <pc:docMk/>
            <pc:sldMk cId="53986970" sldId="1845"/>
            <ac:spMk id="94" creationId="{3727EF5C-7837-4907-8076-8583359123FA}"/>
          </ac:spMkLst>
        </pc:spChg>
        <pc:spChg chg="del mod topLvl">
          <ac:chgData name="Steve Grigg" userId="8751aa99-eeaf-485f-89a4-df3fadfd694e" providerId="ADAL" clId="{7139E4CD-11EC-4754-AB38-D2C7A547B19A}" dt="2021-06-09T00:51:58.054" v="3909" actId="478"/>
          <ac:spMkLst>
            <pc:docMk/>
            <pc:sldMk cId="53986970" sldId="1845"/>
            <ac:spMk id="95" creationId="{84AD5486-A490-4B5F-917E-7E2839FA59D1}"/>
          </ac:spMkLst>
        </pc:spChg>
        <pc:spChg chg="del mod topLvl">
          <ac:chgData name="Steve Grigg" userId="8751aa99-eeaf-485f-89a4-df3fadfd694e" providerId="ADAL" clId="{7139E4CD-11EC-4754-AB38-D2C7A547B19A}" dt="2021-06-09T00:51:58.054" v="3909" actId="478"/>
          <ac:spMkLst>
            <pc:docMk/>
            <pc:sldMk cId="53986970" sldId="1845"/>
            <ac:spMk id="96" creationId="{8DB7C3AD-57A7-4233-B250-46A8FAE995F7}"/>
          </ac:spMkLst>
        </pc:spChg>
        <pc:spChg chg="del mod topLvl">
          <ac:chgData name="Steve Grigg" userId="8751aa99-eeaf-485f-89a4-df3fadfd694e" providerId="ADAL" clId="{7139E4CD-11EC-4754-AB38-D2C7A547B19A}" dt="2021-06-09T00:51:58.054" v="3909" actId="478"/>
          <ac:spMkLst>
            <pc:docMk/>
            <pc:sldMk cId="53986970" sldId="1845"/>
            <ac:spMk id="97" creationId="{55BAEE9B-456F-4E77-AB61-8DC55044BCF7}"/>
          </ac:spMkLst>
        </pc:spChg>
        <pc:spChg chg="del mod topLvl">
          <ac:chgData name="Steve Grigg" userId="8751aa99-eeaf-485f-89a4-df3fadfd694e" providerId="ADAL" clId="{7139E4CD-11EC-4754-AB38-D2C7A547B19A}" dt="2021-06-09T00:51:58.054" v="3909" actId="478"/>
          <ac:spMkLst>
            <pc:docMk/>
            <pc:sldMk cId="53986970" sldId="1845"/>
            <ac:spMk id="98" creationId="{4B74FC08-6AC3-4C45-801B-EA45AB9B3A9B}"/>
          </ac:spMkLst>
        </pc:spChg>
        <pc:spChg chg="del mod topLvl">
          <ac:chgData name="Steve Grigg" userId="8751aa99-eeaf-485f-89a4-df3fadfd694e" providerId="ADAL" clId="{7139E4CD-11EC-4754-AB38-D2C7A547B19A}" dt="2021-06-09T00:51:58.054" v="3909" actId="478"/>
          <ac:spMkLst>
            <pc:docMk/>
            <pc:sldMk cId="53986970" sldId="1845"/>
            <ac:spMk id="99" creationId="{9BC58DD4-70A1-49BB-80E1-4CAAB2317C45}"/>
          </ac:spMkLst>
        </pc:spChg>
        <pc:spChg chg="del mod topLvl">
          <ac:chgData name="Steve Grigg" userId="8751aa99-eeaf-485f-89a4-df3fadfd694e" providerId="ADAL" clId="{7139E4CD-11EC-4754-AB38-D2C7A547B19A}" dt="2021-06-09T00:51:58.054" v="3909" actId="478"/>
          <ac:spMkLst>
            <pc:docMk/>
            <pc:sldMk cId="53986970" sldId="1845"/>
            <ac:spMk id="100" creationId="{0464A246-17C6-4522-89F6-7F008B8493B0}"/>
          </ac:spMkLst>
        </pc:spChg>
        <pc:spChg chg="del mod topLvl">
          <ac:chgData name="Steve Grigg" userId="8751aa99-eeaf-485f-89a4-df3fadfd694e" providerId="ADAL" clId="{7139E4CD-11EC-4754-AB38-D2C7A547B19A}" dt="2021-06-09T00:51:58.054" v="3909" actId="478"/>
          <ac:spMkLst>
            <pc:docMk/>
            <pc:sldMk cId="53986970" sldId="1845"/>
            <ac:spMk id="101" creationId="{1834FD05-B672-40A5-BC31-B20D46000B2E}"/>
          </ac:spMkLst>
        </pc:spChg>
        <pc:spChg chg="del mod topLvl">
          <ac:chgData name="Steve Grigg" userId="8751aa99-eeaf-485f-89a4-df3fadfd694e" providerId="ADAL" clId="{7139E4CD-11EC-4754-AB38-D2C7A547B19A}" dt="2021-06-09T00:51:58.054" v="3909" actId="478"/>
          <ac:spMkLst>
            <pc:docMk/>
            <pc:sldMk cId="53986970" sldId="1845"/>
            <ac:spMk id="102" creationId="{246F9A1C-BC89-4796-BA49-41C7AB902A38}"/>
          </ac:spMkLst>
        </pc:spChg>
        <pc:spChg chg="del mod topLvl">
          <ac:chgData name="Steve Grigg" userId="8751aa99-eeaf-485f-89a4-df3fadfd694e" providerId="ADAL" clId="{7139E4CD-11EC-4754-AB38-D2C7A547B19A}" dt="2021-06-09T00:51:58.054" v="3909" actId="478"/>
          <ac:spMkLst>
            <pc:docMk/>
            <pc:sldMk cId="53986970" sldId="1845"/>
            <ac:spMk id="103" creationId="{9A1EBFB2-2204-4A61-A27F-3DB2A9010DE5}"/>
          </ac:spMkLst>
        </pc:spChg>
        <pc:spChg chg="del mod topLvl">
          <ac:chgData name="Steve Grigg" userId="8751aa99-eeaf-485f-89a4-df3fadfd694e" providerId="ADAL" clId="{7139E4CD-11EC-4754-AB38-D2C7A547B19A}" dt="2021-06-09T00:51:58.054" v="3909" actId="478"/>
          <ac:spMkLst>
            <pc:docMk/>
            <pc:sldMk cId="53986970" sldId="1845"/>
            <ac:spMk id="104" creationId="{4718A388-4764-411A-A5B7-69C5F9AA9515}"/>
          </ac:spMkLst>
        </pc:spChg>
        <pc:spChg chg="del mod topLvl">
          <ac:chgData name="Steve Grigg" userId="8751aa99-eeaf-485f-89a4-df3fadfd694e" providerId="ADAL" clId="{7139E4CD-11EC-4754-AB38-D2C7A547B19A}" dt="2021-06-09T00:51:58.054" v="3909" actId="478"/>
          <ac:spMkLst>
            <pc:docMk/>
            <pc:sldMk cId="53986970" sldId="1845"/>
            <ac:spMk id="105" creationId="{CCD442AA-44E5-48E2-84F9-259E0DB1F912}"/>
          </ac:spMkLst>
        </pc:spChg>
        <pc:spChg chg="del mod topLvl">
          <ac:chgData name="Steve Grigg" userId="8751aa99-eeaf-485f-89a4-df3fadfd694e" providerId="ADAL" clId="{7139E4CD-11EC-4754-AB38-D2C7A547B19A}" dt="2021-06-09T00:51:58.054" v="3909" actId="478"/>
          <ac:spMkLst>
            <pc:docMk/>
            <pc:sldMk cId="53986970" sldId="1845"/>
            <ac:spMk id="106" creationId="{A7EE3D7E-1BAD-4B51-924B-73752E767B8A}"/>
          </ac:spMkLst>
        </pc:spChg>
        <pc:spChg chg="del mod topLvl">
          <ac:chgData name="Steve Grigg" userId="8751aa99-eeaf-485f-89a4-df3fadfd694e" providerId="ADAL" clId="{7139E4CD-11EC-4754-AB38-D2C7A547B19A}" dt="2021-06-09T00:51:58.054" v="3909" actId="478"/>
          <ac:spMkLst>
            <pc:docMk/>
            <pc:sldMk cId="53986970" sldId="1845"/>
            <ac:spMk id="107" creationId="{4E4CB767-0A35-4BF9-964E-FCAD584A9B1E}"/>
          </ac:spMkLst>
        </pc:spChg>
        <pc:spChg chg="del mod topLvl">
          <ac:chgData name="Steve Grigg" userId="8751aa99-eeaf-485f-89a4-df3fadfd694e" providerId="ADAL" clId="{7139E4CD-11EC-4754-AB38-D2C7A547B19A}" dt="2021-06-09T00:51:58.054" v="3909" actId="478"/>
          <ac:spMkLst>
            <pc:docMk/>
            <pc:sldMk cId="53986970" sldId="1845"/>
            <ac:spMk id="108" creationId="{2B0DA9D7-F84A-4C4E-854D-72633FBF111D}"/>
          </ac:spMkLst>
        </pc:spChg>
        <pc:spChg chg="del mod topLvl">
          <ac:chgData name="Steve Grigg" userId="8751aa99-eeaf-485f-89a4-df3fadfd694e" providerId="ADAL" clId="{7139E4CD-11EC-4754-AB38-D2C7A547B19A}" dt="2021-06-09T00:51:58.054" v="3909" actId="478"/>
          <ac:spMkLst>
            <pc:docMk/>
            <pc:sldMk cId="53986970" sldId="1845"/>
            <ac:spMk id="109" creationId="{EC3CC3D3-DE29-49FB-97EF-01029B3C216A}"/>
          </ac:spMkLst>
        </pc:spChg>
        <pc:spChg chg="del mod topLvl">
          <ac:chgData name="Steve Grigg" userId="8751aa99-eeaf-485f-89a4-df3fadfd694e" providerId="ADAL" clId="{7139E4CD-11EC-4754-AB38-D2C7A547B19A}" dt="2021-06-09T00:51:58.054" v="3909" actId="478"/>
          <ac:spMkLst>
            <pc:docMk/>
            <pc:sldMk cId="53986970" sldId="1845"/>
            <ac:spMk id="110" creationId="{5C742635-5C17-49B9-B47E-306C6513BBE8}"/>
          </ac:spMkLst>
        </pc:spChg>
        <pc:spChg chg="del mod topLvl">
          <ac:chgData name="Steve Grigg" userId="8751aa99-eeaf-485f-89a4-df3fadfd694e" providerId="ADAL" clId="{7139E4CD-11EC-4754-AB38-D2C7A547B19A}" dt="2021-06-09T00:51:58.054" v="3909" actId="478"/>
          <ac:spMkLst>
            <pc:docMk/>
            <pc:sldMk cId="53986970" sldId="1845"/>
            <ac:spMk id="111" creationId="{DA5B893B-D16E-4B87-ADB2-05B17110317E}"/>
          </ac:spMkLst>
        </pc:spChg>
        <pc:spChg chg="del mod topLvl">
          <ac:chgData name="Steve Grigg" userId="8751aa99-eeaf-485f-89a4-df3fadfd694e" providerId="ADAL" clId="{7139E4CD-11EC-4754-AB38-D2C7A547B19A}" dt="2021-06-09T00:51:58.054" v="3909" actId="478"/>
          <ac:spMkLst>
            <pc:docMk/>
            <pc:sldMk cId="53986970" sldId="1845"/>
            <ac:spMk id="112" creationId="{1884FA3F-98FF-4CAB-B2B6-0D0D6EC55C16}"/>
          </ac:spMkLst>
        </pc:spChg>
        <pc:spChg chg="del mod topLvl">
          <ac:chgData name="Steve Grigg" userId="8751aa99-eeaf-485f-89a4-df3fadfd694e" providerId="ADAL" clId="{7139E4CD-11EC-4754-AB38-D2C7A547B19A}" dt="2021-06-09T00:51:58.054" v="3909" actId="478"/>
          <ac:spMkLst>
            <pc:docMk/>
            <pc:sldMk cId="53986970" sldId="1845"/>
            <ac:spMk id="113" creationId="{D924D479-DAC1-4C96-98BE-9F736AF1529A}"/>
          </ac:spMkLst>
        </pc:spChg>
        <pc:spChg chg="del mod topLvl">
          <ac:chgData name="Steve Grigg" userId="8751aa99-eeaf-485f-89a4-df3fadfd694e" providerId="ADAL" clId="{7139E4CD-11EC-4754-AB38-D2C7A547B19A}" dt="2021-06-09T00:51:58.054" v="3909" actId="478"/>
          <ac:spMkLst>
            <pc:docMk/>
            <pc:sldMk cId="53986970" sldId="1845"/>
            <ac:spMk id="114" creationId="{B9579E15-758D-4316-88F6-D807A9AC94D4}"/>
          </ac:spMkLst>
        </pc:spChg>
        <pc:spChg chg="del mod topLvl">
          <ac:chgData name="Steve Grigg" userId="8751aa99-eeaf-485f-89a4-df3fadfd694e" providerId="ADAL" clId="{7139E4CD-11EC-4754-AB38-D2C7A547B19A}" dt="2021-06-09T00:51:58.054" v="3909" actId="478"/>
          <ac:spMkLst>
            <pc:docMk/>
            <pc:sldMk cId="53986970" sldId="1845"/>
            <ac:spMk id="115" creationId="{88F26E0E-EF64-42BE-9B79-10BC3C4B9BD2}"/>
          </ac:spMkLst>
        </pc:spChg>
        <pc:spChg chg="del mod topLvl">
          <ac:chgData name="Steve Grigg" userId="8751aa99-eeaf-485f-89a4-df3fadfd694e" providerId="ADAL" clId="{7139E4CD-11EC-4754-AB38-D2C7A547B19A}" dt="2021-06-09T00:51:58.054" v="3909" actId="478"/>
          <ac:spMkLst>
            <pc:docMk/>
            <pc:sldMk cId="53986970" sldId="1845"/>
            <ac:spMk id="116" creationId="{71112B57-279E-47EA-96F4-B77E23D70285}"/>
          </ac:spMkLst>
        </pc:spChg>
        <pc:spChg chg="del mod topLvl">
          <ac:chgData name="Steve Grigg" userId="8751aa99-eeaf-485f-89a4-df3fadfd694e" providerId="ADAL" clId="{7139E4CD-11EC-4754-AB38-D2C7A547B19A}" dt="2021-06-09T00:51:58.054" v="3909" actId="478"/>
          <ac:spMkLst>
            <pc:docMk/>
            <pc:sldMk cId="53986970" sldId="1845"/>
            <ac:spMk id="117" creationId="{E49655D6-2B92-41D1-B5B6-B1C1B05D9506}"/>
          </ac:spMkLst>
        </pc:spChg>
        <pc:spChg chg="del mod topLvl">
          <ac:chgData name="Steve Grigg" userId="8751aa99-eeaf-485f-89a4-df3fadfd694e" providerId="ADAL" clId="{7139E4CD-11EC-4754-AB38-D2C7A547B19A}" dt="2021-06-09T00:51:58.054" v="3909" actId="478"/>
          <ac:spMkLst>
            <pc:docMk/>
            <pc:sldMk cId="53986970" sldId="1845"/>
            <ac:spMk id="118" creationId="{2E5EF84C-2A93-4EE0-839A-207166626ABF}"/>
          </ac:spMkLst>
        </pc:spChg>
        <pc:spChg chg="del mod topLvl">
          <ac:chgData name="Steve Grigg" userId="8751aa99-eeaf-485f-89a4-df3fadfd694e" providerId="ADAL" clId="{7139E4CD-11EC-4754-AB38-D2C7A547B19A}" dt="2021-06-09T00:51:58.054" v="3909" actId="478"/>
          <ac:spMkLst>
            <pc:docMk/>
            <pc:sldMk cId="53986970" sldId="1845"/>
            <ac:spMk id="119" creationId="{53E9E8A1-A524-49AA-B2B6-C14A325A051D}"/>
          </ac:spMkLst>
        </pc:spChg>
        <pc:spChg chg="del mod topLvl">
          <ac:chgData name="Steve Grigg" userId="8751aa99-eeaf-485f-89a4-df3fadfd694e" providerId="ADAL" clId="{7139E4CD-11EC-4754-AB38-D2C7A547B19A}" dt="2021-06-09T00:51:58.054" v="3909" actId="478"/>
          <ac:spMkLst>
            <pc:docMk/>
            <pc:sldMk cId="53986970" sldId="1845"/>
            <ac:spMk id="120" creationId="{C5C7E334-D13A-433A-A72B-8BB5B778968B}"/>
          </ac:spMkLst>
        </pc:spChg>
        <pc:spChg chg="del mod topLvl">
          <ac:chgData name="Steve Grigg" userId="8751aa99-eeaf-485f-89a4-df3fadfd694e" providerId="ADAL" clId="{7139E4CD-11EC-4754-AB38-D2C7A547B19A}" dt="2021-06-09T00:51:58.054" v="3909" actId="478"/>
          <ac:spMkLst>
            <pc:docMk/>
            <pc:sldMk cId="53986970" sldId="1845"/>
            <ac:spMk id="121" creationId="{72F63F92-EB0F-48C0-8798-A5C3A150BD44}"/>
          </ac:spMkLst>
        </pc:spChg>
        <pc:spChg chg="del mod topLvl">
          <ac:chgData name="Steve Grigg" userId="8751aa99-eeaf-485f-89a4-df3fadfd694e" providerId="ADAL" clId="{7139E4CD-11EC-4754-AB38-D2C7A547B19A}" dt="2021-06-09T00:51:58.054" v="3909" actId="478"/>
          <ac:spMkLst>
            <pc:docMk/>
            <pc:sldMk cId="53986970" sldId="1845"/>
            <ac:spMk id="122" creationId="{200C7425-0638-4CF6-9E69-E2F8C67A68AB}"/>
          </ac:spMkLst>
        </pc:spChg>
        <pc:spChg chg="del mod topLvl">
          <ac:chgData name="Steve Grigg" userId="8751aa99-eeaf-485f-89a4-df3fadfd694e" providerId="ADAL" clId="{7139E4CD-11EC-4754-AB38-D2C7A547B19A}" dt="2021-06-09T00:51:58.054" v="3909" actId="478"/>
          <ac:spMkLst>
            <pc:docMk/>
            <pc:sldMk cId="53986970" sldId="1845"/>
            <ac:spMk id="123" creationId="{57ACC645-4112-4594-8FE5-3D9C33F4E2E0}"/>
          </ac:spMkLst>
        </pc:spChg>
        <pc:spChg chg="del mod topLvl">
          <ac:chgData name="Steve Grigg" userId="8751aa99-eeaf-485f-89a4-df3fadfd694e" providerId="ADAL" clId="{7139E4CD-11EC-4754-AB38-D2C7A547B19A}" dt="2021-06-09T00:51:58.054" v="3909" actId="478"/>
          <ac:spMkLst>
            <pc:docMk/>
            <pc:sldMk cId="53986970" sldId="1845"/>
            <ac:spMk id="124" creationId="{F6AAA671-20BA-452F-B048-6502FB804C75}"/>
          </ac:spMkLst>
        </pc:spChg>
        <pc:spChg chg="del mod topLvl">
          <ac:chgData name="Steve Grigg" userId="8751aa99-eeaf-485f-89a4-df3fadfd694e" providerId="ADAL" clId="{7139E4CD-11EC-4754-AB38-D2C7A547B19A}" dt="2021-06-09T00:51:58.054" v="3909" actId="478"/>
          <ac:spMkLst>
            <pc:docMk/>
            <pc:sldMk cId="53986970" sldId="1845"/>
            <ac:spMk id="125" creationId="{8CAFB9BD-3173-4947-A16D-4F6969AB78FB}"/>
          </ac:spMkLst>
        </pc:spChg>
        <pc:spChg chg="del mod topLvl">
          <ac:chgData name="Steve Grigg" userId="8751aa99-eeaf-485f-89a4-df3fadfd694e" providerId="ADAL" clId="{7139E4CD-11EC-4754-AB38-D2C7A547B19A}" dt="2021-06-09T00:51:58.054" v="3909" actId="478"/>
          <ac:spMkLst>
            <pc:docMk/>
            <pc:sldMk cId="53986970" sldId="1845"/>
            <ac:spMk id="126" creationId="{9382C8A4-E7FC-4256-8E9A-F5855061381F}"/>
          </ac:spMkLst>
        </pc:spChg>
        <pc:spChg chg="del mod topLvl">
          <ac:chgData name="Steve Grigg" userId="8751aa99-eeaf-485f-89a4-df3fadfd694e" providerId="ADAL" clId="{7139E4CD-11EC-4754-AB38-D2C7A547B19A}" dt="2021-06-09T00:51:58.054" v="3909" actId="478"/>
          <ac:spMkLst>
            <pc:docMk/>
            <pc:sldMk cId="53986970" sldId="1845"/>
            <ac:spMk id="127" creationId="{4EAC2165-D336-4D9D-B521-08B87F390E0A}"/>
          </ac:spMkLst>
        </pc:spChg>
        <pc:spChg chg="del mod topLvl">
          <ac:chgData name="Steve Grigg" userId="8751aa99-eeaf-485f-89a4-df3fadfd694e" providerId="ADAL" clId="{7139E4CD-11EC-4754-AB38-D2C7A547B19A}" dt="2021-06-09T00:51:58.054" v="3909" actId="478"/>
          <ac:spMkLst>
            <pc:docMk/>
            <pc:sldMk cId="53986970" sldId="1845"/>
            <ac:spMk id="128" creationId="{C928097B-FB73-48EE-8A7D-01EE1DF2F9A4}"/>
          </ac:spMkLst>
        </pc:spChg>
        <pc:spChg chg="del mod topLvl">
          <ac:chgData name="Steve Grigg" userId="8751aa99-eeaf-485f-89a4-df3fadfd694e" providerId="ADAL" clId="{7139E4CD-11EC-4754-AB38-D2C7A547B19A}" dt="2021-06-09T00:51:58.054" v="3909" actId="478"/>
          <ac:spMkLst>
            <pc:docMk/>
            <pc:sldMk cId="53986970" sldId="1845"/>
            <ac:spMk id="129" creationId="{72E2F167-2ADC-444D-8B74-C00077D6749D}"/>
          </ac:spMkLst>
        </pc:spChg>
        <pc:spChg chg="del mod topLvl">
          <ac:chgData name="Steve Grigg" userId="8751aa99-eeaf-485f-89a4-df3fadfd694e" providerId="ADAL" clId="{7139E4CD-11EC-4754-AB38-D2C7A547B19A}" dt="2021-06-09T00:51:58.054" v="3909" actId="478"/>
          <ac:spMkLst>
            <pc:docMk/>
            <pc:sldMk cId="53986970" sldId="1845"/>
            <ac:spMk id="130" creationId="{46B96959-BDB4-4E26-9B74-92603EFFEA3A}"/>
          </ac:spMkLst>
        </pc:spChg>
        <pc:spChg chg="del mod topLvl">
          <ac:chgData name="Steve Grigg" userId="8751aa99-eeaf-485f-89a4-df3fadfd694e" providerId="ADAL" clId="{7139E4CD-11EC-4754-AB38-D2C7A547B19A}" dt="2021-06-09T00:51:58.054" v="3909" actId="478"/>
          <ac:spMkLst>
            <pc:docMk/>
            <pc:sldMk cId="53986970" sldId="1845"/>
            <ac:spMk id="131" creationId="{B51B6545-53A8-4E48-AA30-519BA59A3811}"/>
          </ac:spMkLst>
        </pc:spChg>
        <pc:spChg chg="del mod topLvl">
          <ac:chgData name="Steve Grigg" userId="8751aa99-eeaf-485f-89a4-df3fadfd694e" providerId="ADAL" clId="{7139E4CD-11EC-4754-AB38-D2C7A547B19A}" dt="2021-06-09T00:51:58.054" v="3909" actId="478"/>
          <ac:spMkLst>
            <pc:docMk/>
            <pc:sldMk cId="53986970" sldId="1845"/>
            <ac:spMk id="132" creationId="{15F2965D-E73B-4E01-B5C1-05FE4CBE0236}"/>
          </ac:spMkLst>
        </pc:spChg>
        <pc:spChg chg="del mod topLvl">
          <ac:chgData name="Steve Grigg" userId="8751aa99-eeaf-485f-89a4-df3fadfd694e" providerId="ADAL" clId="{7139E4CD-11EC-4754-AB38-D2C7A547B19A}" dt="2021-06-09T00:51:58.054" v="3909" actId="478"/>
          <ac:spMkLst>
            <pc:docMk/>
            <pc:sldMk cId="53986970" sldId="1845"/>
            <ac:spMk id="133" creationId="{91A9F508-D660-4A42-8EAB-00A428291E15}"/>
          </ac:spMkLst>
        </pc:spChg>
        <pc:spChg chg="del mod topLvl">
          <ac:chgData name="Steve Grigg" userId="8751aa99-eeaf-485f-89a4-df3fadfd694e" providerId="ADAL" clId="{7139E4CD-11EC-4754-AB38-D2C7A547B19A}" dt="2021-06-09T00:51:58.054" v="3909" actId="478"/>
          <ac:spMkLst>
            <pc:docMk/>
            <pc:sldMk cId="53986970" sldId="1845"/>
            <ac:spMk id="134" creationId="{A14D2685-A013-42BA-936A-8DDDEDEFAA84}"/>
          </ac:spMkLst>
        </pc:spChg>
        <pc:spChg chg="del mod topLvl">
          <ac:chgData name="Steve Grigg" userId="8751aa99-eeaf-485f-89a4-df3fadfd694e" providerId="ADAL" clId="{7139E4CD-11EC-4754-AB38-D2C7A547B19A}" dt="2021-06-09T00:51:58.054" v="3909" actId="478"/>
          <ac:spMkLst>
            <pc:docMk/>
            <pc:sldMk cId="53986970" sldId="1845"/>
            <ac:spMk id="135" creationId="{3FF53490-B5E5-482C-A216-BD2C9FB79BF7}"/>
          </ac:spMkLst>
        </pc:spChg>
        <pc:spChg chg="del mod topLvl">
          <ac:chgData name="Steve Grigg" userId="8751aa99-eeaf-485f-89a4-df3fadfd694e" providerId="ADAL" clId="{7139E4CD-11EC-4754-AB38-D2C7A547B19A}" dt="2021-06-09T00:51:58.054" v="3909" actId="478"/>
          <ac:spMkLst>
            <pc:docMk/>
            <pc:sldMk cId="53986970" sldId="1845"/>
            <ac:spMk id="136" creationId="{45A4FE33-DCCB-4949-AE07-5CB8B3E4E6C6}"/>
          </ac:spMkLst>
        </pc:spChg>
        <pc:spChg chg="del mod topLvl">
          <ac:chgData name="Steve Grigg" userId="8751aa99-eeaf-485f-89a4-df3fadfd694e" providerId="ADAL" clId="{7139E4CD-11EC-4754-AB38-D2C7A547B19A}" dt="2021-06-09T00:51:58.054" v="3909" actId="478"/>
          <ac:spMkLst>
            <pc:docMk/>
            <pc:sldMk cId="53986970" sldId="1845"/>
            <ac:spMk id="137" creationId="{C7F0C507-4D7C-4F4A-8FB5-F4A33DBB8AAB}"/>
          </ac:spMkLst>
        </pc:spChg>
        <pc:spChg chg="del mod topLvl">
          <ac:chgData name="Steve Grigg" userId="8751aa99-eeaf-485f-89a4-df3fadfd694e" providerId="ADAL" clId="{7139E4CD-11EC-4754-AB38-D2C7A547B19A}" dt="2021-06-09T00:51:58.054" v="3909" actId="478"/>
          <ac:spMkLst>
            <pc:docMk/>
            <pc:sldMk cId="53986970" sldId="1845"/>
            <ac:spMk id="138" creationId="{856EE20F-A6EA-4D95-AC12-6B9EFA4016ED}"/>
          </ac:spMkLst>
        </pc:spChg>
        <pc:spChg chg="del mod topLvl">
          <ac:chgData name="Steve Grigg" userId="8751aa99-eeaf-485f-89a4-df3fadfd694e" providerId="ADAL" clId="{7139E4CD-11EC-4754-AB38-D2C7A547B19A}" dt="2021-06-09T00:52:00.358" v="3911" actId="478"/>
          <ac:spMkLst>
            <pc:docMk/>
            <pc:sldMk cId="53986970" sldId="1845"/>
            <ac:spMk id="139" creationId="{C3885547-FBF9-46AB-B5A4-0532F9BAF67D}"/>
          </ac:spMkLst>
        </pc:spChg>
        <pc:spChg chg="del mod topLvl">
          <ac:chgData name="Steve Grigg" userId="8751aa99-eeaf-485f-89a4-df3fadfd694e" providerId="ADAL" clId="{7139E4CD-11EC-4754-AB38-D2C7A547B19A}" dt="2021-06-09T00:52:00.358" v="3911" actId="478"/>
          <ac:spMkLst>
            <pc:docMk/>
            <pc:sldMk cId="53986970" sldId="1845"/>
            <ac:spMk id="140" creationId="{1C42CDF0-B8C3-4EA4-9349-4462526B56F3}"/>
          </ac:spMkLst>
        </pc:spChg>
        <pc:spChg chg="del mod topLvl">
          <ac:chgData name="Steve Grigg" userId="8751aa99-eeaf-485f-89a4-df3fadfd694e" providerId="ADAL" clId="{7139E4CD-11EC-4754-AB38-D2C7A547B19A}" dt="2021-06-09T00:52:00.358" v="3911" actId="478"/>
          <ac:spMkLst>
            <pc:docMk/>
            <pc:sldMk cId="53986970" sldId="1845"/>
            <ac:spMk id="141" creationId="{60B7BE13-A5BB-46A6-A038-BC58BACDF111}"/>
          </ac:spMkLst>
        </pc:spChg>
        <pc:spChg chg="del mod topLvl">
          <ac:chgData name="Steve Grigg" userId="8751aa99-eeaf-485f-89a4-df3fadfd694e" providerId="ADAL" clId="{7139E4CD-11EC-4754-AB38-D2C7A547B19A}" dt="2021-06-09T00:52:00.727" v="3912" actId="478"/>
          <ac:spMkLst>
            <pc:docMk/>
            <pc:sldMk cId="53986970" sldId="1845"/>
            <ac:spMk id="142" creationId="{4D8F717C-EA9B-4FDB-91EE-C6621D6E83F0}"/>
          </ac:spMkLst>
        </pc:spChg>
        <pc:spChg chg="del mod topLvl">
          <ac:chgData name="Steve Grigg" userId="8751aa99-eeaf-485f-89a4-df3fadfd694e" providerId="ADAL" clId="{7139E4CD-11EC-4754-AB38-D2C7A547B19A}" dt="2021-06-09T00:52:00.358" v="3911" actId="478"/>
          <ac:spMkLst>
            <pc:docMk/>
            <pc:sldMk cId="53986970" sldId="1845"/>
            <ac:spMk id="143" creationId="{77EC19A8-009D-42C9-8B86-4BCD73F111A0}"/>
          </ac:spMkLst>
        </pc:spChg>
        <pc:spChg chg="del mod topLvl">
          <ac:chgData name="Steve Grigg" userId="8751aa99-eeaf-485f-89a4-df3fadfd694e" providerId="ADAL" clId="{7139E4CD-11EC-4754-AB38-D2C7A547B19A}" dt="2021-06-09T00:52:00.358" v="3911" actId="478"/>
          <ac:spMkLst>
            <pc:docMk/>
            <pc:sldMk cId="53986970" sldId="1845"/>
            <ac:spMk id="144" creationId="{1FF670B8-8AC8-42A7-B2DF-3FCFB7697352}"/>
          </ac:spMkLst>
        </pc:spChg>
        <pc:spChg chg="del mod topLvl">
          <ac:chgData name="Steve Grigg" userId="8751aa99-eeaf-485f-89a4-df3fadfd694e" providerId="ADAL" clId="{7139E4CD-11EC-4754-AB38-D2C7A547B19A}" dt="2021-06-09T00:52:00.358" v="3911" actId="478"/>
          <ac:spMkLst>
            <pc:docMk/>
            <pc:sldMk cId="53986970" sldId="1845"/>
            <ac:spMk id="145" creationId="{B9088B82-9BD8-48D3-BC22-7504AC4FD43C}"/>
          </ac:spMkLst>
        </pc:spChg>
        <pc:spChg chg="del mod topLvl">
          <ac:chgData name="Steve Grigg" userId="8751aa99-eeaf-485f-89a4-df3fadfd694e" providerId="ADAL" clId="{7139E4CD-11EC-4754-AB38-D2C7A547B19A}" dt="2021-06-09T00:51:58.054" v="3909" actId="478"/>
          <ac:spMkLst>
            <pc:docMk/>
            <pc:sldMk cId="53986970" sldId="1845"/>
            <ac:spMk id="146" creationId="{DC58CA36-9B3C-4E23-A92B-C7104154F39A}"/>
          </ac:spMkLst>
        </pc:spChg>
        <pc:spChg chg="del mod topLvl">
          <ac:chgData name="Steve Grigg" userId="8751aa99-eeaf-485f-89a4-df3fadfd694e" providerId="ADAL" clId="{7139E4CD-11EC-4754-AB38-D2C7A547B19A}" dt="2021-06-09T00:51:58.054" v="3909" actId="478"/>
          <ac:spMkLst>
            <pc:docMk/>
            <pc:sldMk cId="53986970" sldId="1845"/>
            <ac:spMk id="147" creationId="{728A0B11-9595-4200-B540-26BF926462BC}"/>
          </ac:spMkLst>
        </pc:spChg>
        <pc:spChg chg="del mod topLvl">
          <ac:chgData name="Steve Grigg" userId="8751aa99-eeaf-485f-89a4-df3fadfd694e" providerId="ADAL" clId="{7139E4CD-11EC-4754-AB38-D2C7A547B19A}" dt="2021-06-09T00:51:58.054" v="3909" actId="478"/>
          <ac:spMkLst>
            <pc:docMk/>
            <pc:sldMk cId="53986970" sldId="1845"/>
            <ac:spMk id="148" creationId="{F48788F7-A210-496B-9618-830CB8A8B105}"/>
          </ac:spMkLst>
        </pc:spChg>
        <pc:spChg chg="del mod topLvl">
          <ac:chgData name="Steve Grigg" userId="8751aa99-eeaf-485f-89a4-df3fadfd694e" providerId="ADAL" clId="{7139E4CD-11EC-4754-AB38-D2C7A547B19A}" dt="2021-06-09T00:51:58.054" v="3909" actId="478"/>
          <ac:spMkLst>
            <pc:docMk/>
            <pc:sldMk cId="53986970" sldId="1845"/>
            <ac:spMk id="149" creationId="{BC6DD00F-CA7D-454C-B93D-44248111BD54}"/>
          </ac:spMkLst>
        </pc:spChg>
        <pc:spChg chg="del mod topLvl">
          <ac:chgData name="Steve Grigg" userId="8751aa99-eeaf-485f-89a4-df3fadfd694e" providerId="ADAL" clId="{7139E4CD-11EC-4754-AB38-D2C7A547B19A}" dt="2021-06-09T00:51:58.054" v="3909" actId="478"/>
          <ac:spMkLst>
            <pc:docMk/>
            <pc:sldMk cId="53986970" sldId="1845"/>
            <ac:spMk id="150" creationId="{2C477E1B-1DEF-4225-A827-014822104941}"/>
          </ac:spMkLst>
        </pc:spChg>
        <pc:spChg chg="del mod topLvl">
          <ac:chgData name="Steve Grigg" userId="8751aa99-eeaf-485f-89a4-df3fadfd694e" providerId="ADAL" clId="{7139E4CD-11EC-4754-AB38-D2C7A547B19A}" dt="2021-06-09T00:52:00.358" v="3911" actId="478"/>
          <ac:spMkLst>
            <pc:docMk/>
            <pc:sldMk cId="53986970" sldId="1845"/>
            <ac:spMk id="151" creationId="{D20CE951-22E4-42D3-85C9-3A9CBD0DCD61}"/>
          </ac:spMkLst>
        </pc:spChg>
        <pc:spChg chg="del mod topLvl">
          <ac:chgData name="Steve Grigg" userId="8751aa99-eeaf-485f-89a4-df3fadfd694e" providerId="ADAL" clId="{7139E4CD-11EC-4754-AB38-D2C7A547B19A}" dt="2021-06-09T00:52:00.358" v="3911" actId="478"/>
          <ac:spMkLst>
            <pc:docMk/>
            <pc:sldMk cId="53986970" sldId="1845"/>
            <ac:spMk id="152" creationId="{8FD1493A-2F34-4089-8D6C-76134E51187F}"/>
          </ac:spMkLst>
        </pc:spChg>
        <pc:spChg chg="add del mod topLvl">
          <ac:chgData name="Steve Grigg" userId="8751aa99-eeaf-485f-89a4-df3fadfd694e" providerId="ADAL" clId="{7139E4CD-11EC-4754-AB38-D2C7A547B19A}" dt="2021-06-09T00:52:17.143" v="3920" actId="478"/>
          <ac:spMkLst>
            <pc:docMk/>
            <pc:sldMk cId="53986970" sldId="1845"/>
            <ac:spMk id="153" creationId="{7E78E684-0D4C-4FB3-AEB3-7183C812434B}"/>
          </ac:spMkLst>
        </pc:spChg>
        <pc:spChg chg="add del mod topLvl">
          <ac:chgData name="Steve Grigg" userId="8751aa99-eeaf-485f-89a4-df3fadfd694e" providerId="ADAL" clId="{7139E4CD-11EC-4754-AB38-D2C7A547B19A}" dt="2021-06-09T00:52:17.143" v="3920" actId="478"/>
          <ac:spMkLst>
            <pc:docMk/>
            <pc:sldMk cId="53986970" sldId="1845"/>
            <ac:spMk id="154" creationId="{62819E44-2A67-41C7-AA04-E7BF78B67EE6}"/>
          </ac:spMkLst>
        </pc:spChg>
        <pc:spChg chg="add del mod topLvl">
          <ac:chgData name="Steve Grigg" userId="8751aa99-eeaf-485f-89a4-df3fadfd694e" providerId="ADAL" clId="{7139E4CD-11EC-4754-AB38-D2C7A547B19A}" dt="2021-06-09T00:52:17.143" v="3920" actId="478"/>
          <ac:spMkLst>
            <pc:docMk/>
            <pc:sldMk cId="53986970" sldId="1845"/>
            <ac:spMk id="155" creationId="{E45108CB-855C-4C62-A505-F1FBB3FE3F28}"/>
          </ac:spMkLst>
        </pc:spChg>
        <pc:grpChg chg="add del mod">
          <ac:chgData name="Steve Grigg" userId="8751aa99-eeaf-485f-89a4-df3fadfd694e" providerId="ADAL" clId="{7139E4CD-11EC-4754-AB38-D2C7A547B19A}" dt="2021-06-09T00:51:49.942" v="3908" actId="165"/>
          <ac:grpSpMkLst>
            <pc:docMk/>
            <pc:sldMk cId="53986970" sldId="1845"/>
            <ac:grpSpMk id="5" creationId="{DFC19512-935B-4395-BD22-D907B5FEF00D}"/>
          </ac:grpSpMkLst>
        </pc:grpChg>
      </pc:sldChg>
      <pc:sldMasterChg chg="delSldLayout">
        <pc:chgData name="Steve Grigg" userId="8751aa99-eeaf-485f-89a4-df3fadfd694e" providerId="ADAL" clId="{7139E4CD-11EC-4754-AB38-D2C7A547B19A}" dt="2021-06-08T00:24:19.869" v="1900" actId="2696"/>
        <pc:sldMasterMkLst>
          <pc:docMk/>
          <pc:sldMasterMk cId="0" sldId="2147483699"/>
        </pc:sldMasterMkLst>
        <pc:sldLayoutChg chg="del">
          <pc:chgData name="Steve Grigg" userId="8751aa99-eeaf-485f-89a4-df3fadfd694e" providerId="ADAL" clId="{7139E4CD-11EC-4754-AB38-D2C7A547B19A}" dt="2021-06-08T00:24:19.869" v="1900" actId="2696"/>
          <pc:sldLayoutMkLst>
            <pc:docMk/>
            <pc:sldMasterMk cId="0" sldId="2147483699"/>
            <pc:sldLayoutMk cId="1616380967" sldId="2147483704"/>
          </pc:sldLayoutMkLst>
        </pc:sldLayoutChg>
      </pc:sldMasterChg>
    </pc:docChg>
  </pc:docChgLst>
  <pc:docChgLst>
    <pc:chgData name="Ronald Tong" userId="26f78301-a32f-460f-a787-6ee5fd2eb1b5" providerId="ADAL" clId="{EE7A580D-AFBE-4438-AAA3-24D2C5EA1147}"/>
    <pc:docChg chg="undo custSel addSld delSld modSld sldOrd">
      <pc:chgData name="Ronald Tong" userId="26f78301-a32f-460f-a787-6ee5fd2eb1b5" providerId="ADAL" clId="{EE7A580D-AFBE-4438-AAA3-24D2C5EA1147}" dt="2021-05-20T14:08:49.364" v="4661" actId="6549"/>
      <pc:docMkLst>
        <pc:docMk/>
      </pc:docMkLst>
      <pc:sldChg chg="del">
        <pc:chgData name="Ronald Tong" userId="26f78301-a32f-460f-a787-6ee5fd2eb1b5" providerId="ADAL" clId="{EE7A580D-AFBE-4438-AAA3-24D2C5EA1147}" dt="2021-05-20T11:52:17.225" v="1880" actId="47"/>
        <pc:sldMkLst>
          <pc:docMk/>
          <pc:sldMk cId="0" sldId="258"/>
        </pc:sldMkLst>
      </pc:sldChg>
      <pc:sldChg chg="addSp modSp">
        <pc:chgData name="Ronald Tong" userId="26f78301-a32f-460f-a787-6ee5fd2eb1b5" providerId="ADAL" clId="{EE7A580D-AFBE-4438-AAA3-24D2C5EA1147}" dt="2021-05-20T11:53:50.569" v="1914"/>
        <pc:sldMkLst>
          <pc:docMk/>
          <pc:sldMk cId="0" sldId="260"/>
        </pc:sldMkLst>
        <pc:spChg chg="add mod">
          <ac:chgData name="Ronald Tong" userId="26f78301-a32f-460f-a787-6ee5fd2eb1b5" providerId="ADAL" clId="{EE7A580D-AFBE-4438-AAA3-24D2C5EA1147}" dt="2021-05-20T11:53:50.569" v="1914"/>
          <ac:spMkLst>
            <pc:docMk/>
            <pc:sldMk cId="0" sldId="260"/>
            <ac:spMk id="26" creationId="{B7100C04-5803-4821-949D-0215B8533F53}"/>
          </ac:spMkLst>
        </pc:spChg>
      </pc:sldChg>
      <pc:sldChg chg="addSp modSp">
        <pc:chgData name="Ronald Tong" userId="26f78301-a32f-460f-a787-6ee5fd2eb1b5" providerId="ADAL" clId="{EE7A580D-AFBE-4438-AAA3-24D2C5EA1147}" dt="2021-05-20T11:53:51.680" v="1915"/>
        <pc:sldMkLst>
          <pc:docMk/>
          <pc:sldMk cId="0" sldId="261"/>
        </pc:sldMkLst>
        <pc:spChg chg="add mod">
          <ac:chgData name="Ronald Tong" userId="26f78301-a32f-460f-a787-6ee5fd2eb1b5" providerId="ADAL" clId="{EE7A580D-AFBE-4438-AAA3-24D2C5EA1147}" dt="2021-05-20T11:53:51.680" v="1915"/>
          <ac:spMkLst>
            <pc:docMk/>
            <pc:sldMk cId="0" sldId="261"/>
            <ac:spMk id="19" creationId="{44C1781E-71E4-47D3-8ECE-012A4E6BE1E1}"/>
          </ac:spMkLst>
        </pc:spChg>
      </pc:sldChg>
      <pc:sldChg chg="addSp modSp">
        <pc:chgData name="Ronald Tong" userId="26f78301-a32f-460f-a787-6ee5fd2eb1b5" providerId="ADAL" clId="{EE7A580D-AFBE-4438-AAA3-24D2C5EA1147}" dt="2021-05-20T11:53:53.558" v="1917"/>
        <pc:sldMkLst>
          <pc:docMk/>
          <pc:sldMk cId="0" sldId="262"/>
        </pc:sldMkLst>
        <pc:spChg chg="add mod">
          <ac:chgData name="Ronald Tong" userId="26f78301-a32f-460f-a787-6ee5fd2eb1b5" providerId="ADAL" clId="{EE7A580D-AFBE-4438-AAA3-24D2C5EA1147}" dt="2021-05-20T11:53:53.558" v="1917"/>
          <ac:spMkLst>
            <pc:docMk/>
            <pc:sldMk cId="0" sldId="262"/>
            <ac:spMk id="8" creationId="{63AE6B70-2A64-4AC0-828F-AD4917DCC59D}"/>
          </ac:spMkLst>
        </pc:spChg>
      </pc:sldChg>
      <pc:sldChg chg="addSp modSp">
        <pc:chgData name="Ronald Tong" userId="26f78301-a32f-460f-a787-6ee5fd2eb1b5" providerId="ADAL" clId="{EE7A580D-AFBE-4438-AAA3-24D2C5EA1147}" dt="2021-05-20T11:53:52.849" v="1916"/>
        <pc:sldMkLst>
          <pc:docMk/>
          <pc:sldMk cId="3701866374" sldId="265"/>
        </pc:sldMkLst>
        <pc:spChg chg="add mod">
          <ac:chgData name="Ronald Tong" userId="26f78301-a32f-460f-a787-6ee5fd2eb1b5" providerId="ADAL" clId="{EE7A580D-AFBE-4438-AAA3-24D2C5EA1147}" dt="2021-05-20T11:53:52.849" v="1916"/>
          <ac:spMkLst>
            <pc:docMk/>
            <pc:sldMk cId="3701866374" sldId="265"/>
            <ac:spMk id="6" creationId="{9313B46D-EBF9-415C-8924-926E89C851D5}"/>
          </ac:spMkLst>
        </pc:spChg>
      </pc:sldChg>
      <pc:sldChg chg="del ord">
        <pc:chgData name="Ronald Tong" userId="26f78301-a32f-460f-a787-6ee5fd2eb1b5" providerId="ADAL" clId="{EE7A580D-AFBE-4438-AAA3-24D2C5EA1147}" dt="2021-05-20T12:43:58.580" v="4104" actId="47"/>
        <pc:sldMkLst>
          <pc:docMk/>
          <pc:sldMk cId="3814868984" sldId="266"/>
        </pc:sldMkLst>
      </pc:sldChg>
      <pc:sldChg chg="modSp mod modNotesTx">
        <pc:chgData name="Ronald Tong" userId="26f78301-a32f-460f-a787-6ee5fd2eb1b5" providerId="ADAL" clId="{EE7A580D-AFBE-4438-AAA3-24D2C5EA1147}" dt="2021-05-20T11:49:59.353" v="1845"/>
        <pc:sldMkLst>
          <pc:docMk/>
          <pc:sldMk cId="2659065634" sldId="267"/>
        </pc:sldMkLst>
        <pc:spChg chg="mod">
          <ac:chgData name="Ronald Tong" userId="26f78301-a32f-460f-a787-6ee5fd2eb1b5" providerId="ADAL" clId="{EE7A580D-AFBE-4438-AAA3-24D2C5EA1147}" dt="2021-05-20T11:47:38.531" v="1795" actId="1037"/>
          <ac:spMkLst>
            <pc:docMk/>
            <pc:sldMk cId="2659065634" sldId="267"/>
            <ac:spMk id="3" creationId="{B8B90109-856F-49F1-A890-D7D639B948ED}"/>
          </ac:spMkLst>
        </pc:spChg>
        <pc:spChg chg="mod">
          <ac:chgData name="Ronald Tong" userId="26f78301-a32f-460f-a787-6ee5fd2eb1b5" providerId="ADAL" clId="{EE7A580D-AFBE-4438-AAA3-24D2C5EA1147}" dt="2021-05-20T11:47:47.077" v="1797" actId="113"/>
          <ac:spMkLst>
            <pc:docMk/>
            <pc:sldMk cId="2659065634" sldId="267"/>
            <ac:spMk id="7" creationId="{2E192B8A-372C-4D0A-B427-94657CDDBBEC}"/>
          </ac:spMkLst>
        </pc:spChg>
        <pc:picChg chg="mod">
          <ac:chgData name="Ronald Tong" userId="26f78301-a32f-460f-a787-6ee5fd2eb1b5" providerId="ADAL" clId="{EE7A580D-AFBE-4438-AAA3-24D2C5EA1147}" dt="2021-05-20T11:47:38.531" v="1795" actId="1037"/>
          <ac:picMkLst>
            <pc:docMk/>
            <pc:sldMk cId="2659065634" sldId="267"/>
            <ac:picMk id="2" creationId="{57884430-0FBC-4478-B63E-6DA178E3C6D2}"/>
          </ac:picMkLst>
        </pc:picChg>
        <pc:picChg chg="mod">
          <ac:chgData name="Ronald Tong" userId="26f78301-a32f-460f-a787-6ee5fd2eb1b5" providerId="ADAL" clId="{EE7A580D-AFBE-4438-AAA3-24D2C5EA1147}" dt="2021-05-20T11:47:38.531" v="1795" actId="1037"/>
          <ac:picMkLst>
            <pc:docMk/>
            <pc:sldMk cId="2659065634" sldId="267"/>
            <ac:picMk id="11" creationId="{EA792D62-0DA0-4B4F-9F41-71D1A373E96F}"/>
          </ac:picMkLst>
        </pc:picChg>
      </pc:sldChg>
      <pc:sldChg chg="del">
        <pc:chgData name="Ronald Tong" userId="26f78301-a32f-460f-a787-6ee5fd2eb1b5" providerId="ADAL" clId="{EE7A580D-AFBE-4438-AAA3-24D2C5EA1147}" dt="2021-05-20T11:50:26.438" v="1853" actId="47"/>
        <pc:sldMkLst>
          <pc:docMk/>
          <pc:sldMk cId="1692353821" sldId="268"/>
        </pc:sldMkLst>
      </pc:sldChg>
      <pc:sldChg chg="modSp del mod">
        <pc:chgData name="Ronald Tong" userId="26f78301-a32f-460f-a787-6ee5fd2eb1b5" providerId="ADAL" clId="{EE7A580D-AFBE-4438-AAA3-24D2C5EA1147}" dt="2021-05-20T11:50:50.489" v="1857" actId="47"/>
        <pc:sldMkLst>
          <pc:docMk/>
          <pc:sldMk cId="3858111030" sldId="269"/>
        </pc:sldMkLst>
        <pc:spChg chg="mod">
          <ac:chgData name="Ronald Tong" userId="26f78301-a32f-460f-a787-6ee5fd2eb1b5" providerId="ADAL" clId="{EE7A580D-AFBE-4438-AAA3-24D2C5EA1147}" dt="2021-05-20T11:50:42.682" v="1854" actId="21"/>
          <ac:spMkLst>
            <pc:docMk/>
            <pc:sldMk cId="3858111030" sldId="269"/>
            <ac:spMk id="4" creationId="{9862CF1F-BF65-4CE1-8DD6-F17CF733A07A}"/>
          </ac:spMkLst>
        </pc:spChg>
      </pc:sldChg>
      <pc:sldChg chg="modSp mod ord">
        <pc:chgData name="Ronald Tong" userId="26f78301-a32f-460f-a787-6ee5fd2eb1b5" providerId="ADAL" clId="{EE7A580D-AFBE-4438-AAA3-24D2C5EA1147}" dt="2021-05-20T12:44:22.968" v="4106" actId="113"/>
        <pc:sldMkLst>
          <pc:docMk/>
          <pc:sldMk cId="1386757504" sldId="270"/>
        </pc:sldMkLst>
        <pc:spChg chg="mod">
          <ac:chgData name="Ronald Tong" userId="26f78301-a32f-460f-a787-6ee5fd2eb1b5" providerId="ADAL" clId="{EE7A580D-AFBE-4438-AAA3-24D2C5EA1147}" dt="2021-05-20T12:44:22.968" v="4106" actId="113"/>
          <ac:spMkLst>
            <pc:docMk/>
            <pc:sldMk cId="1386757504" sldId="270"/>
            <ac:spMk id="2" creationId="{C3CB5598-A2EE-48EB-8307-D07FA80E7C22}"/>
          </ac:spMkLst>
        </pc:spChg>
      </pc:sldChg>
      <pc:sldChg chg="modSp mod ord">
        <pc:chgData name="Ronald Tong" userId="26f78301-a32f-460f-a787-6ee5fd2eb1b5" providerId="ADAL" clId="{EE7A580D-AFBE-4438-AAA3-24D2C5EA1147}" dt="2021-05-20T12:50:24.775" v="4248" actId="1076"/>
        <pc:sldMkLst>
          <pc:docMk/>
          <pc:sldMk cId="4244031885" sldId="271"/>
        </pc:sldMkLst>
        <pc:spChg chg="mod">
          <ac:chgData name="Ronald Tong" userId="26f78301-a32f-460f-a787-6ee5fd2eb1b5" providerId="ADAL" clId="{EE7A580D-AFBE-4438-AAA3-24D2C5EA1147}" dt="2021-05-20T12:50:24.775" v="4248" actId="1076"/>
          <ac:spMkLst>
            <pc:docMk/>
            <pc:sldMk cId="4244031885" sldId="271"/>
            <ac:spMk id="6" creationId="{FB3774A8-F4F4-410E-988F-22C86F0A9228}"/>
          </ac:spMkLst>
        </pc:spChg>
      </pc:sldChg>
      <pc:sldChg chg="del">
        <pc:chgData name="Ronald Tong" userId="26f78301-a32f-460f-a787-6ee5fd2eb1b5" providerId="ADAL" clId="{EE7A580D-AFBE-4438-AAA3-24D2C5EA1147}" dt="2021-05-20T11:51:40.171" v="1873" actId="47"/>
        <pc:sldMkLst>
          <pc:docMk/>
          <pc:sldMk cId="187998951" sldId="272"/>
        </pc:sldMkLst>
      </pc:sldChg>
      <pc:sldChg chg="del">
        <pc:chgData name="Ronald Tong" userId="26f78301-a32f-460f-a787-6ee5fd2eb1b5" providerId="ADAL" clId="{EE7A580D-AFBE-4438-AAA3-24D2C5EA1147}" dt="2021-05-20T11:51:42.134" v="1874" actId="47"/>
        <pc:sldMkLst>
          <pc:docMk/>
          <pc:sldMk cId="931572032" sldId="273"/>
        </pc:sldMkLst>
      </pc:sldChg>
      <pc:sldChg chg="del">
        <pc:chgData name="Ronald Tong" userId="26f78301-a32f-460f-a787-6ee5fd2eb1b5" providerId="ADAL" clId="{EE7A580D-AFBE-4438-AAA3-24D2C5EA1147}" dt="2021-05-20T11:51:42.944" v="1875" actId="47"/>
        <pc:sldMkLst>
          <pc:docMk/>
          <pc:sldMk cId="2948405071" sldId="274"/>
        </pc:sldMkLst>
      </pc:sldChg>
      <pc:sldChg chg="del">
        <pc:chgData name="Ronald Tong" userId="26f78301-a32f-460f-a787-6ee5fd2eb1b5" providerId="ADAL" clId="{EE7A580D-AFBE-4438-AAA3-24D2C5EA1147}" dt="2021-05-20T11:51:44.952" v="1876" actId="47"/>
        <pc:sldMkLst>
          <pc:docMk/>
          <pc:sldMk cId="3592796211" sldId="275"/>
        </pc:sldMkLst>
      </pc:sldChg>
      <pc:sldChg chg="del">
        <pc:chgData name="Ronald Tong" userId="26f78301-a32f-460f-a787-6ee5fd2eb1b5" providerId="ADAL" clId="{EE7A580D-AFBE-4438-AAA3-24D2C5EA1147}" dt="2021-05-20T11:51:55.315" v="1877" actId="47"/>
        <pc:sldMkLst>
          <pc:docMk/>
          <pc:sldMk cId="3169617198" sldId="276"/>
        </pc:sldMkLst>
      </pc:sldChg>
      <pc:sldChg chg="addSp modSp mod ord modShow">
        <pc:chgData name="Ronald Tong" userId="26f78301-a32f-460f-a787-6ee5fd2eb1b5" providerId="ADAL" clId="{EE7A580D-AFBE-4438-AAA3-24D2C5EA1147}" dt="2021-05-20T11:53:46.619" v="1913" actId="688"/>
        <pc:sldMkLst>
          <pc:docMk/>
          <pc:sldMk cId="2439781569" sldId="277"/>
        </pc:sldMkLst>
        <pc:spChg chg="add mod">
          <ac:chgData name="Ronald Tong" userId="26f78301-a32f-460f-a787-6ee5fd2eb1b5" providerId="ADAL" clId="{EE7A580D-AFBE-4438-AAA3-24D2C5EA1147}" dt="2021-05-20T11:53:46.619" v="1913" actId="688"/>
          <ac:spMkLst>
            <pc:docMk/>
            <pc:sldMk cId="2439781569" sldId="277"/>
            <ac:spMk id="4" creationId="{C060D389-C085-4EFE-8C7A-8FFEFBCA38E8}"/>
          </ac:spMkLst>
        </pc:spChg>
      </pc:sldChg>
      <pc:sldChg chg="delSp del mod">
        <pc:chgData name="Ronald Tong" userId="26f78301-a32f-460f-a787-6ee5fd2eb1b5" providerId="ADAL" clId="{EE7A580D-AFBE-4438-AAA3-24D2C5EA1147}" dt="2021-05-20T12:51:47.396" v="4277" actId="47"/>
        <pc:sldMkLst>
          <pc:docMk/>
          <pc:sldMk cId="1628680004" sldId="278"/>
        </pc:sldMkLst>
        <pc:spChg chg="del">
          <ac:chgData name="Ronald Tong" userId="26f78301-a32f-460f-a787-6ee5fd2eb1b5" providerId="ADAL" clId="{EE7A580D-AFBE-4438-AAA3-24D2C5EA1147}" dt="2021-05-20T11:52:03.143" v="1879" actId="478"/>
          <ac:spMkLst>
            <pc:docMk/>
            <pc:sldMk cId="1628680004" sldId="278"/>
            <ac:spMk id="5" creationId="{495BD7F0-D72E-4E85-A5CB-CF500302D8D8}"/>
          </ac:spMkLst>
        </pc:spChg>
      </pc:sldChg>
      <pc:sldChg chg="del">
        <pc:chgData name="Ronald Tong" userId="26f78301-a32f-460f-a787-6ee5fd2eb1b5" providerId="ADAL" clId="{EE7A580D-AFBE-4438-AAA3-24D2C5EA1147}" dt="2021-05-20T11:51:58.811" v="1878" actId="47"/>
        <pc:sldMkLst>
          <pc:docMk/>
          <pc:sldMk cId="2117861711" sldId="279"/>
        </pc:sldMkLst>
      </pc:sldChg>
      <pc:sldChg chg="addSp delSp modSp new del mod">
        <pc:chgData name="Ronald Tong" userId="26f78301-a32f-460f-a787-6ee5fd2eb1b5" providerId="ADAL" clId="{EE7A580D-AFBE-4438-AAA3-24D2C5EA1147}" dt="2021-05-20T12:28:03.312" v="3719" actId="47"/>
        <pc:sldMkLst>
          <pc:docMk/>
          <pc:sldMk cId="1839851465" sldId="280"/>
        </pc:sldMkLst>
        <pc:spChg chg="del">
          <ac:chgData name="Ronald Tong" userId="26f78301-a32f-460f-a787-6ee5fd2eb1b5" providerId="ADAL" clId="{EE7A580D-AFBE-4438-AAA3-24D2C5EA1147}" dt="2021-05-12T12:35:54.488" v="1" actId="478"/>
          <ac:spMkLst>
            <pc:docMk/>
            <pc:sldMk cId="1839851465" sldId="280"/>
            <ac:spMk id="2" creationId="{32824C5A-D9F2-4492-BAD9-6EDF5837E3E1}"/>
          </ac:spMkLst>
        </pc:spChg>
        <pc:spChg chg="del">
          <ac:chgData name="Ronald Tong" userId="26f78301-a32f-460f-a787-6ee5fd2eb1b5" providerId="ADAL" clId="{EE7A580D-AFBE-4438-AAA3-24D2C5EA1147}" dt="2021-05-12T12:35:54.488" v="1" actId="478"/>
          <ac:spMkLst>
            <pc:docMk/>
            <pc:sldMk cId="1839851465" sldId="280"/>
            <ac:spMk id="3" creationId="{6C8FFCC8-2471-4F4A-851D-1DEA1E859F63}"/>
          </ac:spMkLst>
        </pc:spChg>
        <pc:spChg chg="add del mod">
          <ac:chgData name="Ronald Tong" userId="26f78301-a32f-460f-a787-6ee5fd2eb1b5" providerId="ADAL" clId="{EE7A580D-AFBE-4438-AAA3-24D2C5EA1147}" dt="2021-05-20T11:54:09.452" v="1918" actId="21"/>
          <ac:spMkLst>
            <pc:docMk/>
            <pc:sldMk cId="1839851465" sldId="280"/>
            <ac:spMk id="4" creationId="{CA26C321-B3BA-4A8F-AC40-3ECB05B893C0}"/>
          </ac:spMkLst>
        </pc:spChg>
      </pc:sldChg>
      <pc:sldChg chg="del">
        <pc:chgData name="Ronald Tong" userId="26f78301-a32f-460f-a787-6ee5fd2eb1b5" providerId="ADAL" clId="{EE7A580D-AFBE-4438-AAA3-24D2C5EA1147}" dt="2021-05-20T11:50:23.635" v="1852" actId="47"/>
        <pc:sldMkLst>
          <pc:docMk/>
          <pc:sldMk cId="3443306323" sldId="281"/>
        </pc:sldMkLst>
      </pc:sldChg>
      <pc:sldChg chg="modSp mod modNotesTx">
        <pc:chgData name="Ronald Tong" userId="26f78301-a32f-460f-a787-6ee5fd2eb1b5" providerId="ADAL" clId="{EE7A580D-AFBE-4438-AAA3-24D2C5EA1147}" dt="2021-05-20T13:30:15.728" v="4539" actId="20577"/>
        <pc:sldMkLst>
          <pc:docMk/>
          <pc:sldMk cId="1648828998" sldId="282"/>
        </pc:sldMkLst>
        <pc:spChg chg="mod">
          <ac:chgData name="Ronald Tong" userId="26f78301-a32f-460f-a787-6ee5fd2eb1b5" providerId="ADAL" clId="{EE7A580D-AFBE-4438-AAA3-24D2C5EA1147}" dt="2021-05-20T11:48:15.444" v="1811" actId="20577"/>
          <ac:spMkLst>
            <pc:docMk/>
            <pc:sldMk cId="1648828998" sldId="282"/>
            <ac:spMk id="4" creationId="{F34EA307-2F5D-42FB-99BB-B7C510669730}"/>
          </ac:spMkLst>
        </pc:spChg>
        <pc:spChg chg="mod">
          <ac:chgData name="Ronald Tong" userId="26f78301-a32f-460f-a787-6ee5fd2eb1b5" providerId="ADAL" clId="{EE7A580D-AFBE-4438-AAA3-24D2C5EA1147}" dt="2021-05-20T12:48:14.944" v="4156" actId="20577"/>
          <ac:spMkLst>
            <pc:docMk/>
            <pc:sldMk cId="1648828998" sldId="282"/>
            <ac:spMk id="7" creationId="{2E192B8A-372C-4D0A-B427-94657CDDBBEC}"/>
          </ac:spMkLst>
        </pc:spChg>
        <pc:graphicFrameChg chg="mod modGraphic">
          <ac:chgData name="Ronald Tong" userId="26f78301-a32f-460f-a787-6ee5fd2eb1b5" providerId="ADAL" clId="{EE7A580D-AFBE-4438-AAA3-24D2C5EA1147}" dt="2021-05-20T13:30:15.728" v="4539" actId="20577"/>
          <ac:graphicFrameMkLst>
            <pc:docMk/>
            <pc:sldMk cId="1648828998" sldId="282"/>
            <ac:graphicFrameMk id="3" creationId="{7B763387-BA1A-4C12-BCFC-F74576E04328}"/>
          </ac:graphicFrameMkLst>
        </pc:graphicFrameChg>
      </pc:sldChg>
      <pc:sldChg chg="modSp mod modNotesTx">
        <pc:chgData name="Ronald Tong" userId="26f78301-a32f-460f-a787-6ee5fd2eb1b5" providerId="ADAL" clId="{EE7A580D-AFBE-4438-AAA3-24D2C5EA1147}" dt="2021-05-20T12:49:57.924" v="4247" actId="1076"/>
        <pc:sldMkLst>
          <pc:docMk/>
          <pc:sldMk cId="242770146" sldId="283"/>
        </pc:sldMkLst>
        <pc:spChg chg="mod">
          <ac:chgData name="Ronald Tong" userId="26f78301-a32f-460f-a787-6ee5fd2eb1b5" providerId="ADAL" clId="{EE7A580D-AFBE-4438-AAA3-24D2C5EA1147}" dt="2021-05-20T11:48:28.777" v="1839" actId="1037"/>
          <ac:spMkLst>
            <pc:docMk/>
            <pc:sldMk cId="242770146" sldId="283"/>
            <ac:spMk id="6" creationId="{078BE4A3-4A68-48B7-930C-A39E7C281BBC}"/>
          </ac:spMkLst>
        </pc:spChg>
        <pc:picChg chg="mod">
          <ac:chgData name="Ronald Tong" userId="26f78301-a32f-460f-a787-6ee5fd2eb1b5" providerId="ADAL" clId="{EE7A580D-AFBE-4438-AAA3-24D2C5EA1147}" dt="2021-05-20T12:49:57.924" v="4247" actId="1076"/>
          <ac:picMkLst>
            <pc:docMk/>
            <pc:sldMk cId="242770146" sldId="283"/>
            <ac:picMk id="2050" creationId="{5D90DB25-00AE-4F42-BA67-9C4B3A36CAB2}"/>
          </ac:picMkLst>
        </pc:picChg>
      </pc:sldChg>
      <pc:sldChg chg="addSp delSp modSp mod modNotesTx">
        <pc:chgData name="Ronald Tong" userId="26f78301-a32f-460f-a787-6ee5fd2eb1b5" providerId="ADAL" clId="{EE7A580D-AFBE-4438-AAA3-24D2C5EA1147}" dt="2021-05-20T14:08:49.364" v="4661" actId="6549"/>
        <pc:sldMkLst>
          <pc:docMk/>
          <pc:sldMk cId="1745406771" sldId="284"/>
        </pc:sldMkLst>
        <pc:spChg chg="mod">
          <ac:chgData name="Ronald Tong" userId="26f78301-a32f-460f-a787-6ee5fd2eb1b5" providerId="ADAL" clId="{EE7A580D-AFBE-4438-AAA3-24D2C5EA1147}" dt="2021-05-20T12:52:59.099" v="4343" actId="20577"/>
          <ac:spMkLst>
            <pc:docMk/>
            <pc:sldMk cId="1745406771" sldId="284"/>
            <ac:spMk id="4" creationId="{F34EA307-2F5D-42FB-99BB-B7C510669730}"/>
          </ac:spMkLst>
        </pc:spChg>
        <pc:spChg chg="add mod">
          <ac:chgData name="Ronald Tong" userId="26f78301-a32f-460f-a787-6ee5fd2eb1b5" providerId="ADAL" clId="{EE7A580D-AFBE-4438-AAA3-24D2C5EA1147}" dt="2021-05-20T12:23:57.819" v="3448" actId="1037"/>
          <ac:spMkLst>
            <pc:docMk/>
            <pc:sldMk cId="1745406771" sldId="284"/>
            <ac:spMk id="5" creationId="{501F9AA8-5911-4722-B3F2-0DE6FF3231B2}"/>
          </ac:spMkLst>
        </pc:spChg>
        <pc:spChg chg="del mod">
          <ac:chgData name="Ronald Tong" userId="26f78301-a32f-460f-a787-6ee5fd2eb1b5" providerId="ADAL" clId="{EE7A580D-AFBE-4438-AAA3-24D2C5EA1147}" dt="2021-05-20T11:55:44.497" v="1925" actId="478"/>
          <ac:spMkLst>
            <pc:docMk/>
            <pc:sldMk cId="1745406771" sldId="284"/>
            <ac:spMk id="6" creationId="{078BE4A3-4A68-48B7-930C-A39E7C281BBC}"/>
          </ac:spMkLst>
        </pc:spChg>
        <pc:spChg chg="add del mod">
          <ac:chgData name="Ronald Tong" userId="26f78301-a32f-460f-a787-6ee5fd2eb1b5" providerId="ADAL" clId="{EE7A580D-AFBE-4438-AAA3-24D2C5EA1147}" dt="2021-05-20T12:23:51.847" v="3413" actId="478"/>
          <ac:spMkLst>
            <pc:docMk/>
            <pc:sldMk cId="1745406771" sldId="284"/>
            <ac:spMk id="7" creationId="{57C7B009-1847-4D19-A7F0-3B9FA734C607}"/>
          </ac:spMkLst>
        </pc:spChg>
        <pc:spChg chg="add mod">
          <ac:chgData name="Ronald Tong" userId="26f78301-a32f-460f-a787-6ee5fd2eb1b5" providerId="ADAL" clId="{EE7A580D-AFBE-4438-AAA3-24D2C5EA1147}" dt="2021-05-20T14:08:49.364" v="4661" actId="6549"/>
          <ac:spMkLst>
            <pc:docMk/>
            <pc:sldMk cId="1745406771" sldId="284"/>
            <ac:spMk id="8" creationId="{0324CC8D-80FB-4F3F-AEB5-1481743BFB73}"/>
          </ac:spMkLst>
        </pc:spChg>
        <pc:spChg chg="add mod">
          <ac:chgData name="Ronald Tong" userId="26f78301-a32f-460f-a787-6ee5fd2eb1b5" providerId="ADAL" clId="{EE7A580D-AFBE-4438-AAA3-24D2C5EA1147}" dt="2021-05-20T13:02:40.839" v="4400" actId="6549"/>
          <ac:spMkLst>
            <pc:docMk/>
            <pc:sldMk cId="1745406771" sldId="284"/>
            <ac:spMk id="9" creationId="{8374CCA8-EB96-4A5A-A360-A2A7F5C1A4CC}"/>
          </ac:spMkLst>
        </pc:spChg>
        <pc:spChg chg="add del mod">
          <ac:chgData name="Ronald Tong" userId="26f78301-a32f-460f-a787-6ee5fd2eb1b5" providerId="ADAL" clId="{EE7A580D-AFBE-4438-AAA3-24D2C5EA1147}" dt="2021-05-20T12:04:50.991" v="2491" actId="478"/>
          <ac:spMkLst>
            <pc:docMk/>
            <pc:sldMk cId="1745406771" sldId="284"/>
            <ac:spMk id="10" creationId="{C73A4DAC-78EE-4758-AF96-756D0D34DEA5}"/>
          </ac:spMkLst>
        </pc:spChg>
        <pc:spChg chg="add del mod">
          <ac:chgData name="Ronald Tong" userId="26f78301-a32f-460f-a787-6ee5fd2eb1b5" providerId="ADAL" clId="{EE7A580D-AFBE-4438-AAA3-24D2C5EA1147}" dt="2021-05-20T12:04:52.665" v="2492" actId="478"/>
          <ac:spMkLst>
            <pc:docMk/>
            <pc:sldMk cId="1745406771" sldId="284"/>
            <ac:spMk id="11" creationId="{EACA2940-6173-4AE4-A08D-9B9D5B5B7065}"/>
          </ac:spMkLst>
        </pc:spChg>
        <pc:spChg chg="add del mod">
          <ac:chgData name="Ronald Tong" userId="26f78301-a32f-460f-a787-6ee5fd2eb1b5" providerId="ADAL" clId="{EE7A580D-AFBE-4438-AAA3-24D2C5EA1147}" dt="2021-05-20T12:04:54.152" v="2493" actId="478"/>
          <ac:spMkLst>
            <pc:docMk/>
            <pc:sldMk cId="1745406771" sldId="284"/>
            <ac:spMk id="12" creationId="{F484D83E-E304-4FA9-9AEE-3A5D2367F97F}"/>
          </ac:spMkLst>
        </pc:spChg>
        <pc:spChg chg="add del mod">
          <ac:chgData name="Ronald Tong" userId="26f78301-a32f-460f-a787-6ee5fd2eb1b5" providerId="ADAL" clId="{EE7A580D-AFBE-4438-AAA3-24D2C5EA1147}" dt="2021-05-20T12:04:30.099" v="2488" actId="478"/>
          <ac:spMkLst>
            <pc:docMk/>
            <pc:sldMk cId="1745406771" sldId="284"/>
            <ac:spMk id="13" creationId="{B9576BC2-455A-426F-8D27-A46814320C53}"/>
          </ac:spMkLst>
        </pc:spChg>
        <pc:spChg chg="add del mod">
          <ac:chgData name="Ronald Tong" userId="26f78301-a32f-460f-a787-6ee5fd2eb1b5" providerId="ADAL" clId="{EE7A580D-AFBE-4438-AAA3-24D2C5EA1147}" dt="2021-05-20T12:04:47.215" v="2490" actId="478"/>
          <ac:spMkLst>
            <pc:docMk/>
            <pc:sldMk cId="1745406771" sldId="284"/>
            <ac:spMk id="14" creationId="{ED7F1E47-3133-4CE5-83BA-15637787AD7E}"/>
          </ac:spMkLst>
        </pc:spChg>
        <pc:spChg chg="add mod">
          <ac:chgData name="Ronald Tong" userId="26f78301-a32f-460f-a787-6ee5fd2eb1b5" providerId="ADAL" clId="{EE7A580D-AFBE-4438-AAA3-24D2C5EA1147}" dt="2021-05-20T11:56:13.792" v="1929" actId="14100"/>
          <ac:spMkLst>
            <pc:docMk/>
            <pc:sldMk cId="1745406771" sldId="284"/>
            <ac:spMk id="15" creationId="{2B1ABC84-61CF-4A65-88B4-33B7912D86E1}"/>
          </ac:spMkLst>
        </pc:spChg>
        <pc:spChg chg="add mod">
          <ac:chgData name="Ronald Tong" userId="26f78301-a32f-460f-a787-6ee5fd2eb1b5" providerId="ADAL" clId="{EE7A580D-AFBE-4438-AAA3-24D2C5EA1147}" dt="2021-05-20T12:38:10.518" v="3971" actId="1037"/>
          <ac:spMkLst>
            <pc:docMk/>
            <pc:sldMk cId="1745406771" sldId="284"/>
            <ac:spMk id="16" creationId="{2AEECB8D-414C-41D2-8AFF-FF8A7DD6AFA6}"/>
          </ac:spMkLst>
        </pc:spChg>
        <pc:spChg chg="add mod">
          <ac:chgData name="Ronald Tong" userId="26f78301-a32f-460f-a787-6ee5fd2eb1b5" providerId="ADAL" clId="{EE7A580D-AFBE-4438-AAA3-24D2C5EA1147}" dt="2021-05-20T12:42:48.573" v="4063" actId="1036"/>
          <ac:spMkLst>
            <pc:docMk/>
            <pc:sldMk cId="1745406771" sldId="284"/>
            <ac:spMk id="17" creationId="{453017AC-937C-4C6E-8993-FF11DEEB8080}"/>
          </ac:spMkLst>
        </pc:spChg>
        <pc:spChg chg="add mod">
          <ac:chgData name="Ronald Tong" userId="26f78301-a32f-460f-a787-6ee5fd2eb1b5" providerId="ADAL" clId="{EE7A580D-AFBE-4438-AAA3-24D2C5EA1147}" dt="2021-05-20T12:42:54.977" v="4077" actId="1035"/>
          <ac:spMkLst>
            <pc:docMk/>
            <pc:sldMk cId="1745406771" sldId="284"/>
            <ac:spMk id="18" creationId="{F4364F73-81C0-451F-82AE-435AA0BB6ED6}"/>
          </ac:spMkLst>
        </pc:spChg>
        <pc:spChg chg="add mod">
          <ac:chgData name="Ronald Tong" userId="26f78301-a32f-460f-a787-6ee5fd2eb1b5" providerId="ADAL" clId="{EE7A580D-AFBE-4438-AAA3-24D2C5EA1147}" dt="2021-05-20T12:38:14.113" v="3972" actId="14100"/>
          <ac:spMkLst>
            <pc:docMk/>
            <pc:sldMk cId="1745406771" sldId="284"/>
            <ac:spMk id="19" creationId="{EF7820A9-06BA-4066-9AF6-7B95FDAD9E1A}"/>
          </ac:spMkLst>
        </pc:spChg>
        <pc:spChg chg="add mod">
          <ac:chgData name="Ronald Tong" userId="26f78301-a32f-460f-a787-6ee5fd2eb1b5" providerId="ADAL" clId="{EE7A580D-AFBE-4438-AAA3-24D2C5EA1147}" dt="2021-05-20T12:53:09.623" v="4352" actId="20577"/>
          <ac:spMkLst>
            <pc:docMk/>
            <pc:sldMk cId="1745406771" sldId="284"/>
            <ac:spMk id="20" creationId="{C1324008-F197-42CB-BE6B-13356ACFB650}"/>
          </ac:spMkLst>
        </pc:spChg>
        <pc:spChg chg="add mod">
          <ac:chgData name="Ronald Tong" userId="26f78301-a32f-460f-a787-6ee5fd2eb1b5" providerId="ADAL" clId="{EE7A580D-AFBE-4438-AAA3-24D2C5EA1147}" dt="2021-05-20T13:09:09.761" v="4412" actId="1036"/>
          <ac:spMkLst>
            <pc:docMk/>
            <pc:sldMk cId="1745406771" sldId="284"/>
            <ac:spMk id="21" creationId="{9B421BD8-7137-4285-8F1F-E1F771DE6598}"/>
          </ac:spMkLst>
        </pc:spChg>
        <pc:spChg chg="add mod">
          <ac:chgData name="Ronald Tong" userId="26f78301-a32f-460f-a787-6ee5fd2eb1b5" providerId="ADAL" clId="{EE7A580D-AFBE-4438-AAA3-24D2C5EA1147}" dt="2021-05-20T12:24:42.206" v="3520" actId="1036"/>
          <ac:spMkLst>
            <pc:docMk/>
            <pc:sldMk cId="1745406771" sldId="284"/>
            <ac:spMk id="22" creationId="{EE0C7FD1-1449-41E7-8571-D5FCA022363A}"/>
          </ac:spMkLst>
        </pc:spChg>
        <pc:spChg chg="add mod">
          <ac:chgData name="Ronald Tong" userId="26f78301-a32f-460f-a787-6ee5fd2eb1b5" providerId="ADAL" clId="{EE7A580D-AFBE-4438-AAA3-24D2C5EA1147}" dt="2021-05-20T13:23:21.178" v="4416" actId="20577"/>
          <ac:spMkLst>
            <pc:docMk/>
            <pc:sldMk cId="1745406771" sldId="284"/>
            <ac:spMk id="23" creationId="{065AC99D-58CC-4C17-AA76-EBCFADFC6A01}"/>
          </ac:spMkLst>
        </pc:spChg>
        <pc:spChg chg="add mod">
          <ac:chgData name="Ronald Tong" userId="26f78301-a32f-460f-a787-6ee5fd2eb1b5" providerId="ADAL" clId="{EE7A580D-AFBE-4438-AAA3-24D2C5EA1147}" dt="2021-05-20T13:57:14.101" v="4652" actId="20577"/>
          <ac:spMkLst>
            <pc:docMk/>
            <pc:sldMk cId="1745406771" sldId="284"/>
            <ac:spMk id="24" creationId="{EE7C6901-4E97-4267-A789-DB73179D717C}"/>
          </ac:spMkLst>
        </pc:spChg>
        <pc:spChg chg="add mod">
          <ac:chgData name="Ronald Tong" userId="26f78301-a32f-460f-a787-6ee5fd2eb1b5" providerId="ADAL" clId="{EE7A580D-AFBE-4438-AAA3-24D2C5EA1147}" dt="2021-05-20T12:35:59.394" v="3815" actId="14100"/>
          <ac:spMkLst>
            <pc:docMk/>
            <pc:sldMk cId="1745406771" sldId="284"/>
            <ac:spMk id="26" creationId="{D907E1DD-2E32-4367-947F-FA5A934956EA}"/>
          </ac:spMkLst>
        </pc:spChg>
        <pc:spChg chg="add mod">
          <ac:chgData name="Ronald Tong" userId="26f78301-a32f-460f-a787-6ee5fd2eb1b5" providerId="ADAL" clId="{EE7A580D-AFBE-4438-AAA3-24D2C5EA1147}" dt="2021-05-20T12:36:06.277" v="3816" actId="2711"/>
          <ac:spMkLst>
            <pc:docMk/>
            <pc:sldMk cId="1745406771" sldId="284"/>
            <ac:spMk id="27" creationId="{232351C3-B276-4C50-889A-6E27224013BB}"/>
          </ac:spMkLst>
        </pc:spChg>
        <pc:spChg chg="add mod">
          <ac:chgData name="Ronald Tong" userId="26f78301-a32f-460f-a787-6ee5fd2eb1b5" providerId="ADAL" clId="{EE7A580D-AFBE-4438-AAA3-24D2C5EA1147}" dt="2021-05-20T12:36:06.277" v="3816" actId="2711"/>
          <ac:spMkLst>
            <pc:docMk/>
            <pc:sldMk cId="1745406771" sldId="284"/>
            <ac:spMk id="28" creationId="{359570FB-E1D0-4B41-8F5C-ACDF397141A0}"/>
          </ac:spMkLst>
        </pc:spChg>
        <pc:spChg chg="add mod">
          <ac:chgData name="Ronald Tong" userId="26f78301-a32f-460f-a787-6ee5fd2eb1b5" providerId="ADAL" clId="{EE7A580D-AFBE-4438-AAA3-24D2C5EA1147}" dt="2021-05-20T12:24:54.893" v="3556" actId="1035"/>
          <ac:spMkLst>
            <pc:docMk/>
            <pc:sldMk cId="1745406771" sldId="284"/>
            <ac:spMk id="29" creationId="{9C027DB0-2F13-4367-857A-7C4E9D84422A}"/>
          </ac:spMkLst>
        </pc:spChg>
        <pc:spChg chg="add mod">
          <ac:chgData name="Ronald Tong" userId="26f78301-a32f-460f-a787-6ee5fd2eb1b5" providerId="ADAL" clId="{EE7A580D-AFBE-4438-AAA3-24D2C5EA1147}" dt="2021-05-20T12:36:11.286" v="3824" actId="1035"/>
          <ac:spMkLst>
            <pc:docMk/>
            <pc:sldMk cId="1745406771" sldId="284"/>
            <ac:spMk id="30" creationId="{2609D066-0CAC-43FE-B695-FEC551D56DC4}"/>
          </ac:spMkLst>
        </pc:spChg>
        <pc:spChg chg="add mod">
          <ac:chgData name="Ronald Tong" userId="26f78301-a32f-460f-a787-6ee5fd2eb1b5" providerId="ADAL" clId="{EE7A580D-AFBE-4438-AAA3-24D2C5EA1147}" dt="2021-05-20T12:25:09.861" v="3602" actId="1035"/>
          <ac:spMkLst>
            <pc:docMk/>
            <pc:sldMk cId="1745406771" sldId="284"/>
            <ac:spMk id="31" creationId="{19A3EA87-5498-4EE8-BF6D-434211C90661}"/>
          </ac:spMkLst>
        </pc:spChg>
        <pc:spChg chg="add mod">
          <ac:chgData name="Ronald Tong" userId="26f78301-a32f-460f-a787-6ee5fd2eb1b5" providerId="ADAL" clId="{EE7A580D-AFBE-4438-AAA3-24D2C5EA1147}" dt="2021-05-20T12:36:14.865" v="3829" actId="1037"/>
          <ac:spMkLst>
            <pc:docMk/>
            <pc:sldMk cId="1745406771" sldId="284"/>
            <ac:spMk id="32" creationId="{15E95178-FD33-414E-BE5C-E8989C724D9F}"/>
          </ac:spMkLst>
        </pc:spChg>
        <pc:spChg chg="add mod">
          <ac:chgData name="Ronald Tong" userId="26f78301-a32f-460f-a787-6ee5fd2eb1b5" providerId="ADAL" clId="{EE7A580D-AFBE-4438-AAA3-24D2C5EA1147}" dt="2021-05-20T12:39:14.060" v="4013" actId="1038"/>
          <ac:spMkLst>
            <pc:docMk/>
            <pc:sldMk cId="1745406771" sldId="284"/>
            <ac:spMk id="33" creationId="{813204E0-38C3-46D9-8D5F-2F5D67F9818B}"/>
          </ac:spMkLst>
        </pc:spChg>
        <pc:spChg chg="add mod">
          <ac:chgData name="Ronald Tong" userId="26f78301-a32f-460f-a787-6ee5fd2eb1b5" providerId="ADAL" clId="{EE7A580D-AFBE-4438-AAA3-24D2C5EA1147}" dt="2021-05-20T12:39:14.060" v="4013" actId="1038"/>
          <ac:spMkLst>
            <pc:docMk/>
            <pc:sldMk cId="1745406771" sldId="284"/>
            <ac:spMk id="34" creationId="{AEAC1B59-5A70-42ED-941D-8CD5976D106D}"/>
          </ac:spMkLst>
        </pc:spChg>
        <pc:picChg chg="add del mod">
          <ac:chgData name="Ronald Tong" userId="26f78301-a32f-460f-a787-6ee5fd2eb1b5" providerId="ADAL" clId="{EE7A580D-AFBE-4438-AAA3-24D2C5EA1147}" dt="2021-05-20T11:54:12.354" v="1920" actId="478"/>
          <ac:picMkLst>
            <pc:docMk/>
            <pc:sldMk cId="1745406771" sldId="284"/>
            <ac:picMk id="3" creationId="{71657792-C25C-48DD-925F-AF3F1505809E}"/>
          </ac:picMkLst>
        </pc:picChg>
      </pc:sldChg>
      <pc:sldChg chg="delSp add del mod">
        <pc:chgData name="Ronald Tong" userId="26f78301-a32f-460f-a787-6ee5fd2eb1b5" providerId="ADAL" clId="{EE7A580D-AFBE-4438-AAA3-24D2C5EA1147}" dt="2021-05-20T12:51:37.846" v="4275" actId="47"/>
        <pc:sldMkLst>
          <pc:docMk/>
          <pc:sldMk cId="2866562361" sldId="285"/>
        </pc:sldMkLst>
        <pc:spChg chg="del">
          <ac:chgData name="Ronald Tong" userId="26f78301-a32f-460f-a787-6ee5fd2eb1b5" providerId="ADAL" clId="{EE7A580D-AFBE-4438-AAA3-24D2C5EA1147}" dt="2021-05-20T12:51:30.795" v="4274" actId="478"/>
          <ac:spMkLst>
            <pc:docMk/>
            <pc:sldMk cId="2866562361" sldId="285"/>
            <ac:spMk id="5" creationId="{501F9AA8-5911-4722-B3F2-0DE6FF3231B2}"/>
          </ac:spMkLst>
        </pc:spChg>
        <pc:spChg chg="del">
          <ac:chgData name="Ronald Tong" userId="26f78301-a32f-460f-a787-6ee5fd2eb1b5" providerId="ADAL" clId="{EE7A580D-AFBE-4438-AAA3-24D2C5EA1147}" dt="2021-05-20T12:51:30.795" v="4274" actId="478"/>
          <ac:spMkLst>
            <pc:docMk/>
            <pc:sldMk cId="2866562361" sldId="285"/>
            <ac:spMk id="8" creationId="{0324CC8D-80FB-4F3F-AEB5-1481743BFB73}"/>
          </ac:spMkLst>
        </pc:spChg>
        <pc:spChg chg="del">
          <ac:chgData name="Ronald Tong" userId="26f78301-a32f-460f-a787-6ee5fd2eb1b5" providerId="ADAL" clId="{EE7A580D-AFBE-4438-AAA3-24D2C5EA1147}" dt="2021-05-20T12:51:30.795" v="4274" actId="478"/>
          <ac:spMkLst>
            <pc:docMk/>
            <pc:sldMk cId="2866562361" sldId="285"/>
            <ac:spMk id="9" creationId="{8374CCA8-EB96-4A5A-A360-A2A7F5C1A4CC}"/>
          </ac:spMkLst>
        </pc:spChg>
        <pc:spChg chg="del">
          <ac:chgData name="Ronald Tong" userId="26f78301-a32f-460f-a787-6ee5fd2eb1b5" providerId="ADAL" clId="{EE7A580D-AFBE-4438-AAA3-24D2C5EA1147}" dt="2021-05-20T12:51:30.795" v="4274" actId="478"/>
          <ac:spMkLst>
            <pc:docMk/>
            <pc:sldMk cId="2866562361" sldId="285"/>
            <ac:spMk id="15" creationId="{2B1ABC84-61CF-4A65-88B4-33B7912D86E1}"/>
          </ac:spMkLst>
        </pc:spChg>
        <pc:spChg chg="del">
          <ac:chgData name="Ronald Tong" userId="26f78301-a32f-460f-a787-6ee5fd2eb1b5" providerId="ADAL" clId="{EE7A580D-AFBE-4438-AAA3-24D2C5EA1147}" dt="2021-05-20T12:51:28.057" v="4273" actId="478"/>
          <ac:spMkLst>
            <pc:docMk/>
            <pc:sldMk cId="2866562361" sldId="285"/>
            <ac:spMk id="16" creationId="{2AEECB8D-414C-41D2-8AFF-FF8A7DD6AFA6}"/>
          </ac:spMkLst>
        </pc:spChg>
        <pc:spChg chg="del">
          <ac:chgData name="Ronald Tong" userId="26f78301-a32f-460f-a787-6ee5fd2eb1b5" providerId="ADAL" clId="{EE7A580D-AFBE-4438-AAA3-24D2C5EA1147}" dt="2021-05-20T12:51:28.057" v="4273" actId="478"/>
          <ac:spMkLst>
            <pc:docMk/>
            <pc:sldMk cId="2866562361" sldId="285"/>
            <ac:spMk id="17" creationId="{453017AC-937C-4C6E-8993-FF11DEEB8080}"/>
          </ac:spMkLst>
        </pc:spChg>
        <pc:spChg chg="del">
          <ac:chgData name="Ronald Tong" userId="26f78301-a32f-460f-a787-6ee5fd2eb1b5" providerId="ADAL" clId="{EE7A580D-AFBE-4438-AAA3-24D2C5EA1147}" dt="2021-05-20T12:51:28.057" v="4273" actId="478"/>
          <ac:spMkLst>
            <pc:docMk/>
            <pc:sldMk cId="2866562361" sldId="285"/>
            <ac:spMk id="18" creationId="{F4364F73-81C0-451F-82AE-435AA0BB6ED6}"/>
          </ac:spMkLst>
        </pc:spChg>
        <pc:spChg chg="del">
          <ac:chgData name="Ronald Tong" userId="26f78301-a32f-460f-a787-6ee5fd2eb1b5" providerId="ADAL" clId="{EE7A580D-AFBE-4438-AAA3-24D2C5EA1147}" dt="2021-05-20T12:51:28.057" v="4273" actId="478"/>
          <ac:spMkLst>
            <pc:docMk/>
            <pc:sldMk cId="2866562361" sldId="285"/>
            <ac:spMk id="19" creationId="{EF7820A9-06BA-4066-9AF6-7B95FDAD9E1A}"/>
          </ac:spMkLst>
        </pc:spChg>
        <pc:spChg chg="del">
          <ac:chgData name="Ronald Tong" userId="26f78301-a32f-460f-a787-6ee5fd2eb1b5" providerId="ADAL" clId="{EE7A580D-AFBE-4438-AAA3-24D2C5EA1147}" dt="2021-05-20T12:51:28.057" v="4273" actId="478"/>
          <ac:spMkLst>
            <pc:docMk/>
            <pc:sldMk cId="2866562361" sldId="285"/>
            <ac:spMk id="20" creationId="{C1324008-F197-42CB-BE6B-13356ACFB650}"/>
          </ac:spMkLst>
        </pc:spChg>
        <pc:spChg chg="del">
          <ac:chgData name="Ronald Tong" userId="26f78301-a32f-460f-a787-6ee5fd2eb1b5" providerId="ADAL" clId="{EE7A580D-AFBE-4438-AAA3-24D2C5EA1147}" dt="2021-05-20T12:51:30.795" v="4274" actId="478"/>
          <ac:spMkLst>
            <pc:docMk/>
            <pc:sldMk cId="2866562361" sldId="285"/>
            <ac:spMk id="21" creationId="{9B421BD8-7137-4285-8F1F-E1F771DE6598}"/>
          </ac:spMkLst>
        </pc:spChg>
        <pc:spChg chg="del">
          <ac:chgData name="Ronald Tong" userId="26f78301-a32f-460f-a787-6ee5fd2eb1b5" providerId="ADAL" clId="{EE7A580D-AFBE-4438-AAA3-24D2C5EA1147}" dt="2021-05-20T12:51:30.795" v="4274" actId="478"/>
          <ac:spMkLst>
            <pc:docMk/>
            <pc:sldMk cId="2866562361" sldId="285"/>
            <ac:spMk id="22" creationId="{EE0C7FD1-1449-41E7-8571-D5FCA022363A}"/>
          </ac:spMkLst>
        </pc:spChg>
        <pc:spChg chg="del">
          <ac:chgData name="Ronald Tong" userId="26f78301-a32f-460f-a787-6ee5fd2eb1b5" providerId="ADAL" clId="{EE7A580D-AFBE-4438-AAA3-24D2C5EA1147}" dt="2021-05-20T12:51:30.795" v="4274" actId="478"/>
          <ac:spMkLst>
            <pc:docMk/>
            <pc:sldMk cId="2866562361" sldId="285"/>
            <ac:spMk id="23" creationId="{065AC99D-58CC-4C17-AA76-EBCFADFC6A01}"/>
          </ac:spMkLst>
        </pc:spChg>
        <pc:spChg chg="del">
          <ac:chgData name="Ronald Tong" userId="26f78301-a32f-460f-a787-6ee5fd2eb1b5" providerId="ADAL" clId="{EE7A580D-AFBE-4438-AAA3-24D2C5EA1147}" dt="2021-05-20T12:51:30.795" v="4274" actId="478"/>
          <ac:spMkLst>
            <pc:docMk/>
            <pc:sldMk cId="2866562361" sldId="285"/>
            <ac:spMk id="24" creationId="{EE7C6901-4E97-4267-A789-DB73179D717C}"/>
          </ac:spMkLst>
        </pc:spChg>
        <pc:spChg chg="del">
          <ac:chgData name="Ronald Tong" userId="26f78301-a32f-460f-a787-6ee5fd2eb1b5" providerId="ADAL" clId="{EE7A580D-AFBE-4438-AAA3-24D2C5EA1147}" dt="2021-05-20T12:51:30.795" v="4274" actId="478"/>
          <ac:spMkLst>
            <pc:docMk/>
            <pc:sldMk cId="2866562361" sldId="285"/>
            <ac:spMk id="26" creationId="{D907E1DD-2E32-4367-947F-FA5A934956EA}"/>
          </ac:spMkLst>
        </pc:spChg>
        <pc:spChg chg="del">
          <ac:chgData name="Ronald Tong" userId="26f78301-a32f-460f-a787-6ee5fd2eb1b5" providerId="ADAL" clId="{EE7A580D-AFBE-4438-AAA3-24D2C5EA1147}" dt="2021-05-20T12:51:30.795" v="4274" actId="478"/>
          <ac:spMkLst>
            <pc:docMk/>
            <pc:sldMk cId="2866562361" sldId="285"/>
            <ac:spMk id="27" creationId="{232351C3-B276-4C50-889A-6E27224013BB}"/>
          </ac:spMkLst>
        </pc:spChg>
        <pc:spChg chg="del">
          <ac:chgData name="Ronald Tong" userId="26f78301-a32f-460f-a787-6ee5fd2eb1b5" providerId="ADAL" clId="{EE7A580D-AFBE-4438-AAA3-24D2C5EA1147}" dt="2021-05-20T12:51:30.795" v="4274" actId="478"/>
          <ac:spMkLst>
            <pc:docMk/>
            <pc:sldMk cId="2866562361" sldId="285"/>
            <ac:spMk id="28" creationId="{359570FB-E1D0-4B41-8F5C-ACDF397141A0}"/>
          </ac:spMkLst>
        </pc:spChg>
        <pc:spChg chg="del">
          <ac:chgData name="Ronald Tong" userId="26f78301-a32f-460f-a787-6ee5fd2eb1b5" providerId="ADAL" clId="{EE7A580D-AFBE-4438-AAA3-24D2C5EA1147}" dt="2021-05-20T12:51:30.795" v="4274" actId="478"/>
          <ac:spMkLst>
            <pc:docMk/>
            <pc:sldMk cId="2866562361" sldId="285"/>
            <ac:spMk id="29" creationId="{9C027DB0-2F13-4367-857A-7C4E9D84422A}"/>
          </ac:spMkLst>
        </pc:spChg>
        <pc:spChg chg="del">
          <ac:chgData name="Ronald Tong" userId="26f78301-a32f-460f-a787-6ee5fd2eb1b5" providerId="ADAL" clId="{EE7A580D-AFBE-4438-AAA3-24D2C5EA1147}" dt="2021-05-20T12:51:30.795" v="4274" actId="478"/>
          <ac:spMkLst>
            <pc:docMk/>
            <pc:sldMk cId="2866562361" sldId="285"/>
            <ac:spMk id="30" creationId="{2609D066-0CAC-43FE-B695-FEC551D56DC4}"/>
          </ac:spMkLst>
        </pc:spChg>
        <pc:spChg chg="del">
          <ac:chgData name="Ronald Tong" userId="26f78301-a32f-460f-a787-6ee5fd2eb1b5" providerId="ADAL" clId="{EE7A580D-AFBE-4438-AAA3-24D2C5EA1147}" dt="2021-05-20T12:51:30.795" v="4274" actId="478"/>
          <ac:spMkLst>
            <pc:docMk/>
            <pc:sldMk cId="2866562361" sldId="285"/>
            <ac:spMk id="31" creationId="{19A3EA87-5498-4EE8-BF6D-434211C90661}"/>
          </ac:spMkLst>
        </pc:spChg>
        <pc:spChg chg="del">
          <ac:chgData name="Ronald Tong" userId="26f78301-a32f-460f-a787-6ee5fd2eb1b5" providerId="ADAL" clId="{EE7A580D-AFBE-4438-AAA3-24D2C5EA1147}" dt="2021-05-20T12:51:30.795" v="4274" actId="478"/>
          <ac:spMkLst>
            <pc:docMk/>
            <pc:sldMk cId="2866562361" sldId="285"/>
            <ac:spMk id="32" creationId="{15E95178-FD33-414E-BE5C-E8989C724D9F}"/>
          </ac:spMkLst>
        </pc:spChg>
        <pc:spChg chg="del">
          <ac:chgData name="Ronald Tong" userId="26f78301-a32f-460f-a787-6ee5fd2eb1b5" providerId="ADAL" clId="{EE7A580D-AFBE-4438-AAA3-24D2C5EA1147}" dt="2021-05-20T12:51:30.795" v="4274" actId="478"/>
          <ac:spMkLst>
            <pc:docMk/>
            <pc:sldMk cId="2866562361" sldId="285"/>
            <ac:spMk id="33" creationId="{813204E0-38C3-46D9-8D5F-2F5D67F9818B}"/>
          </ac:spMkLst>
        </pc:spChg>
        <pc:spChg chg="del">
          <ac:chgData name="Ronald Tong" userId="26f78301-a32f-460f-a787-6ee5fd2eb1b5" providerId="ADAL" clId="{EE7A580D-AFBE-4438-AAA3-24D2C5EA1147}" dt="2021-05-20T12:51:30.795" v="4274" actId="478"/>
          <ac:spMkLst>
            <pc:docMk/>
            <pc:sldMk cId="2866562361" sldId="285"/>
            <ac:spMk id="34" creationId="{AEAC1B59-5A70-42ED-941D-8CD5976D106D}"/>
          </ac:spMkLst>
        </pc:spChg>
      </pc:sldChg>
      <pc:sldChg chg="delSp modSp add mod modNotesTx">
        <pc:chgData name="Ronald Tong" userId="26f78301-a32f-460f-a787-6ee5fd2eb1b5" providerId="ADAL" clId="{EE7A580D-AFBE-4438-AAA3-24D2C5EA1147}" dt="2021-05-20T12:52:23.375" v="4334" actId="20577"/>
        <pc:sldMkLst>
          <pc:docMk/>
          <pc:sldMk cId="3096608571" sldId="285"/>
        </pc:sldMkLst>
        <pc:spChg chg="mod">
          <ac:chgData name="Ronald Tong" userId="26f78301-a32f-460f-a787-6ee5fd2eb1b5" providerId="ADAL" clId="{EE7A580D-AFBE-4438-AAA3-24D2C5EA1147}" dt="2021-05-20T12:51:54.503" v="4291" actId="20577"/>
          <ac:spMkLst>
            <pc:docMk/>
            <pc:sldMk cId="3096608571" sldId="285"/>
            <ac:spMk id="365" creationId="{00000000-0000-0000-0000-000000000000}"/>
          </ac:spMkLst>
        </pc:spChg>
        <pc:picChg chg="del">
          <ac:chgData name="Ronald Tong" userId="26f78301-a32f-460f-a787-6ee5fd2eb1b5" providerId="ADAL" clId="{EE7A580D-AFBE-4438-AAA3-24D2C5EA1147}" dt="2021-05-20T12:51:48.782" v="4278" actId="478"/>
          <ac:picMkLst>
            <pc:docMk/>
            <pc:sldMk cId="3096608571" sldId="285"/>
            <ac:picMk id="6" creationId="{DC62CF9F-54A2-4094-825A-C4E0BAC465EC}"/>
          </ac:picMkLst>
        </pc:picChg>
      </pc:sldChg>
      <pc:sldMasterChg chg="delSldLayout">
        <pc:chgData name="Ronald Tong" userId="26f78301-a32f-460f-a787-6ee5fd2eb1b5" providerId="ADAL" clId="{EE7A580D-AFBE-4438-AAA3-24D2C5EA1147}" dt="2021-05-20T12:51:47.396" v="4277" actId="47"/>
        <pc:sldMasterMkLst>
          <pc:docMk/>
          <pc:sldMasterMk cId="0" sldId="2147483699"/>
        </pc:sldMasterMkLst>
        <pc:sldLayoutChg chg="del">
          <pc:chgData name="Ronald Tong" userId="26f78301-a32f-460f-a787-6ee5fd2eb1b5" providerId="ADAL" clId="{EE7A580D-AFBE-4438-AAA3-24D2C5EA1147}" dt="2021-05-20T12:51:47.396" v="4277" actId="47"/>
          <pc:sldLayoutMkLst>
            <pc:docMk/>
            <pc:sldMasterMk cId="0" sldId="2147483699"/>
            <pc:sldLayoutMk cId="0" sldId="2147483671"/>
          </pc:sldLayoutMkLst>
        </pc:sldLayoutChg>
      </pc:sldMasterChg>
    </pc:docChg>
  </pc:docChgLst>
  <pc:docChgLst>
    <pc:chgData name="Ronald Tong" userId="26f78301-a32f-460f-a787-6ee5fd2eb1b5" providerId="ADAL" clId="{E42126CA-66EE-40E0-B78D-75883C64979A}"/>
    <pc:docChg chg="modSld sldOrd">
      <pc:chgData name="Ronald Tong" userId="26f78301-a32f-460f-a787-6ee5fd2eb1b5" providerId="ADAL" clId="{E42126CA-66EE-40E0-B78D-75883C64979A}" dt="2021-05-21T00:32:16.627" v="118"/>
      <pc:docMkLst>
        <pc:docMk/>
      </pc:docMkLst>
      <pc:sldChg chg="addSp modSp ord modTransition">
        <pc:chgData name="Ronald Tong" userId="26f78301-a32f-460f-a787-6ee5fd2eb1b5" providerId="ADAL" clId="{E42126CA-66EE-40E0-B78D-75883C64979A}" dt="2021-05-21T00:32:16.627" v="118"/>
        <pc:sldMkLst>
          <pc:docMk/>
          <pc:sldMk cId="4244031885" sldId="271"/>
        </pc:sldMkLst>
        <pc:spChg chg="add mod">
          <ac:chgData name="Ronald Tong" userId="26f78301-a32f-460f-a787-6ee5fd2eb1b5" providerId="ADAL" clId="{E42126CA-66EE-40E0-B78D-75883C64979A}" dt="2021-05-21T00:32:13.862" v="117"/>
          <ac:spMkLst>
            <pc:docMk/>
            <pc:sldMk cId="4244031885" sldId="271"/>
            <ac:spMk id="12" creationId="{8FF21F3F-2D65-4963-B0BF-3CFA94DDE672}"/>
          </ac:spMkLst>
        </pc:spChg>
      </pc:sldChg>
      <pc:sldChg chg="modSp mod">
        <pc:chgData name="Ronald Tong" userId="26f78301-a32f-460f-a787-6ee5fd2eb1b5" providerId="ADAL" clId="{E42126CA-66EE-40E0-B78D-75883C64979A}" dt="2021-05-21T00:31:29.897" v="114" actId="20577"/>
        <pc:sldMkLst>
          <pc:docMk/>
          <pc:sldMk cId="1648828998" sldId="282"/>
        </pc:sldMkLst>
        <pc:graphicFrameChg chg="modGraphic">
          <ac:chgData name="Ronald Tong" userId="26f78301-a32f-460f-a787-6ee5fd2eb1b5" providerId="ADAL" clId="{E42126CA-66EE-40E0-B78D-75883C64979A}" dt="2021-05-21T00:31:29.897" v="114" actId="20577"/>
          <ac:graphicFrameMkLst>
            <pc:docMk/>
            <pc:sldMk cId="1648828998" sldId="282"/>
            <ac:graphicFrameMk id="3" creationId="{7B763387-BA1A-4C12-BCFC-F74576E04328}"/>
          </ac:graphicFrameMkLst>
        </pc:graphicFrameChg>
      </pc:sldChg>
    </pc:docChg>
  </pc:docChgLst>
  <pc:docChgLst>
    <pc:chgData name="Ronald Tong" userId="26f78301-a32f-460f-a787-6ee5fd2eb1b5" providerId="ADAL" clId="{7DB6BDAE-85CC-4C71-8388-EB5DCF15D834}"/>
    <pc:docChg chg="custSel modSld">
      <pc:chgData name="Ronald Tong" userId="26f78301-a32f-460f-a787-6ee5fd2eb1b5" providerId="ADAL" clId="{7DB6BDAE-85CC-4C71-8388-EB5DCF15D834}" dt="2021-06-01T02:18:11.230" v="3" actId="1589"/>
      <pc:docMkLst>
        <pc:docMk/>
      </pc:docMkLst>
      <pc:sldChg chg="addCm modCm">
        <pc:chgData name="Ronald Tong" userId="26f78301-a32f-460f-a787-6ee5fd2eb1b5" providerId="ADAL" clId="{7DB6BDAE-85CC-4C71-8388-EB5DCF15D834}" dt="2021-06-01T02:18:11.230" v="3" actId="1589"/>
        <pc:sldMkLst>
          <pc:docMk/>
          <pc:sldMk cId="1745406771" sldId="284"/>
        </pc:sldMkLst>
      </pc:sldChg>
    </pc:docChg>
  </pc:docChgLst>
  <pc:docChgLst>
    <pc:chgData name="Blanchais, Fabien G" userId="cb97b80b-a57a-4762-9973-192a3870a4a7" providerId="ADAL" clId="{53BA77C8-66B4-48A0-BB4C-E9510EADD1E7}"/>
    <pc:docChg chg="undo redo custSel addSld delSld modSld">
      <pc:chgData name="Blanchais, Fabien G" userId="cb97b80b-a57a-4762-9973-192a3870a4a7" providerId="ADAL" clId="{53BA77C8-66B4-48A0-BB4C-E9510EADD1E7}" dt="2019-12-04T09:13:59.520" v="58" actId="2696"/>
      <pc:docMkLst>
        <pc:docMk/>
      </pc:docMkLst>
      <pc:sldChg chg="addSp delSp modSp add del">
        <pc:chgData name="Blanchais, Fabien G" userId="cb97b80b-a57a-4762-9973-192a3870a4a7" providerId="ADAL" clId="{53BA77C8-66B4-48A0-BB4C-E9510EADD1E7}" dt="2019-12-04T09:13:59.520" v="58" actId="2696"/>
        <pc:sldMkLst>
          <pc:docMk/>
          <pc:sldMk cId="2172329000" sldId="267"/>
        </pc:sldMkLst>
        <pc:spChg chg="del">
          <ac:chgData name="Blanchais, Fabien G" userId="cb97b80b-a57a-4762-9973-192a3870a4a7" providerId="ADAL" clId="{53BA77C8-66B4-48A0-BB4C-E9510EADD1E7}" dt="2019-12-04T08:33:42.290" v="21"/>
          <ac:spMkLst>
            <pc:docMk/>
            <pc:sldMk cId="2172329000" sldId="267"/>
            <ac:spMk id="2" creationId="{9EE3AE2B-0007-4890-8064-09830EA179F1}"/>
          </ac:spMkLst>
        </pc:spChg>
        <pc:spChg chg="add del mod topLvl">
          <ac:chgData name="Blanchais, Fabien G" userId="cb97b80b-a57a-4762-9973-192a3870a4a7" providerId="ADAL" clId="{53BA77C8-66B4-48A0-BB4C-E9510EADD1E7}" dt="2019-12-04T07:31:29.500" v="5" actId="478"/>
          <ac:spMkLst>
            <pc:docMk/>
            <pc:sldMk cId="2172329000" sldId="267"/>
            <ac:spMk id="5" creationId="{BFFE3407-DA63-4A76-AFDC-7860C577C774}"/>
          </ac:spMkLst>
        </pc:spChg>
        <pc:spChg chg="add del mod ord topLvl">
          <ac:chgData name="Blanchais, Fabien G" userId="cb97b80b-a57a-4762-9973-192a3870a4a7" providerId="ADAL" clId="{53BA77C8-66B4-48A0-BB4C-E9510EADD1E7}" dt="2019-12-04T09:13:56.949" v="56" actId="478"/>
          <ac:spMkLst>
            <pc:docMk/>
            <pc:sldMk cId="2172329000" sldId="267"/>
            <ac:spMk id="8" creationId="{0AC62976-7F9B-4C8B-91B8-78E3ACB565DA}"/>
          </ac:spMkLst>
        </pc:spChg>
        <pc:spChg chg="add del mod">
          <ac:chgData name="Blanchais, Fabien G" userId="cb97b80b-a57a-4762-9973-192a3870a4a7" providerId="ADAL" clId="{53BA77C8-66B4-48A0-BB4C-E9510EADD1E7}" dt="2019-12-04T09:13:57.583" v="57" actId="478"/>
          <ac:spMkLst>
            <pc:docMk/>
            <pc:sldMk cId="2172329000" sldId="267"/>
            <ac:spMk id="14" creationId="{2A95BD64-F688-460E-89B6-7AF60275676A}"/>
          </ac:spMkLst>
        </pc:spChg>
        <pc:grpChg chg="add del mod">
          <ac:chgData name="Blanchais, Fabien G" userId="cb97b80b-a57a-4762-9973-192a3870a4a7" providerId="ADAL" clId="{53BA77C8-66B4-48A0-BB4C-E9510EADD1E7}" dt="2019-12-04T07:31:29.500" v="5" actId="478"/>
          <ac:grpSpMkLst>
            <pc:docMk/>
            <pc:sldMk cId="2172329000" sldId="267"/>
            <ac:grpSpMk id="6" creationId="{3891EE17-7A45-4640-8325-4561DB72B22C}"/>
          </ac:grpSpMkLst>
        </pc:grpChg>
        <pc:grpChg chg="add del mod">
          <ac:chgData name="Blanchais, Fabien G" userId="cb97b80b-a57a-4762-9973-192a3870a4a7" providerId="ADAL" clId="{53BA77C8-66B4-48A0-BB4C-E9510EADD1E7}" dt="2019-12-04T08:31:26.066" v="19" actId="478"/>
          <ac:grpSpMkLst>
            <pc:docMk/>
            <pc:sldMk cId="2172329000" sldId="267"/>
            <ac:grpSpMk id="9" creationId="{589D6075-9FBC-4F78-A221-2945CE3D47CC}"/>
          </ac:grpSpMkLst>
        </pc:grpChg>
        <pc:grpChg chg="add del mod">
          <ac:chgData name="Blanchais, Fabien G" userId="cb97b80b-a57a-4762-9973-192a3870a4a7" providerId="ADAL" clId="{53BA77C8-66B4-48A0-BB4C-E9510EADD1E7}" dt="2019-12-04T09:13:55.944" v="55" actId="478"/>
          <ac:grpSpMkLst>
            <pc:docMk/>
            <pc:sldMk cId="2172329000" sldId="267"/>
            <ac:grpSpMk id="15" creationId="{7D9CDF56-7909-4F4B-85BE-5818483888B4}"/>
          </ac:grpSpMkLst>
        </pc:grpChg>
        <pc:picChg chg="add del mod topLvl">
          <ac:chgData name="Blanchais, Fabien G" userId="cb97b80b-a57a-4762-9973-192a3870a4a7" providerId="ADAL" clId="{53BA77C8-66B4-48A0-BB4C-E9510EADD1E7}" dt="2019-12-04T07:31:30.277" v="6" actId="478"/>
          <ac:picMkLst>
            <pc:docMk/>
            <pc:sldMk cId="2172329000" sldId="267"/>
            <ac:picMk id="4" creationId="{A50B17E8-BBE2-403A-B4CB-88263945CC17}"/>
          </ac:picMkLst>
        </pc:picChg>
        <pc:picChg chg="add del mod ord topLvl modCrop">
          <ac:chgData name="Blanchais, Fabien G" userId="cb97b80b-a57a-4762-9973-192a3870a4a7" providerId="ADAL" clId="{53BA77C8-66B4-48A0-BB4C-E9510EADD1E7}" dt="2019-12-04T08:31:26.066" v="19" actId="478"/>
          <ac:picMkLst>
            <pc:docMk/>
            <pc:sldMk cId="2172329000" sldId="267"/>
            <ac:picMk id="7" creationId="{28B7BCD5-C9FB-41B2-9DF4-7BABA499DAFA}"/>
          </ac:picMkLst>
        </pc:picChg>
        <pc:picChg chg="add mod modCrop">
          <ac:chgData name="Blanchais, Fabien G" userId="cb97b80b-a57a-4762-9973-192a3870a4a7" providerId="ADAL" clId="{53BA77C8-66B4-48A0-BB4C-E9510EADD1E7}" dt="2019-12-04T08:39:51.624" v="54" actId="164"/>
          <ac:picMkLst>
            <pc:docMk/>
            <pc:sldMk cId="2172329000" sldId="267"/>
            <ac:picMk id="10" creationId="{1E8AD760-1CBD-4EA2-A518-5E1831E60ECE}"/>
          </ac:picMkLst>
        </pc:picChg>
        <pc:picChg chg="add del mod ord">
          <ac:chgData name="Blanchais, Fabien G" userId="cb97b80b-a57a-4762-9973-192a3870a4a7" providerId="ADAL" clId="{53BA77C8-66B4-48A0-BB4C-E9510EADD1E7}" dt="2019-12-04T08:39:42.074" v="46" actId="478"/>
          <ac:picMkLst>
            <pc:docMk/>
            <pc:sldMk cId="2172329000" sldId="267"/>
            <ac:picMk id="12" creationId="{98CCDEE0-252D-46D8-819F-5114B870C5E7}"/>
          </ac:picMkLst>
        </pc:picChg>
        <pc:picChg chg="add del mod">
          <ac:chgData name="Blanchais, Fabien G" userId="cb97b80b-a57a-4762-9973-192a3870a4a7" providerId="ADAL" clId="{53BA77C8-66B4-48A0-BB4C-E9510EADD1E7}" dt="2019-12-04T08:39:51.624" v="54" actId="164"/>
          <ac:picMkLst>
            <pc:docMk/>
            <pc:sldMk cId="2172329000" sldId="267"/>
            <ac:picMk id="1026" creationId="{E84F180F-FE90-4699-84AA-570611B7CA40}"/>
          </ac:picMkLst>
        </pc:picChg>
      </pc:sldChg>
    </pc:docChg>
  </pc:docChgLst>
  <pc:docChgLst>
    <pc:chgData name="Ronald Tong" userId="26f78301-a32f-460f-a787-6ee5fd2eb1b5" providerId="ADAL" clId="{B78F41FE-CA4E-41B9-B3D7-4059C52948C1}"/>
    <pc:docChg chg="undo redo custSel addSld delSld modSld sldOrd">
      <pc:chgData name="Ronald Tong" userId="26f78301-a32f-460f-a787-6ee5fd2eb1b5" providerId="ADAL" clId="{B78F41FE-CA4E-41B9-B3D7-4059C52948C1}" dt="2021-06-06T23:36:54.621" v="647" actId="1076"/>
      <pc:docMkLst>
        <pc:docMk/>
      </pc:docMkLst>
      <pc:sldChg chg="modSp mod">
        <pc:chgData name="Ronald Tong" userId="26f78301-a32f-460f-a787-6ee5fd2eb1b5" providerId="ADAL" clId="{B78F41FE-CA4E-41B9-B3D7-4059C52948C1}" dt="2021-06-04T01:33:01.659" v="34" actId="20577"/>
        <pc:sldMkLst>
          <pc:docMk/>
          <pc:sldMk cId="1745406771" sldId="284"/>
        </pc:sldMkLst>
        <pc:spChg chg="mod">
          <ac:chgData name="Ronald Tong" userId="26f78301-a32f-460f-a787-6ee5fd2eb1b5" providerId="ADAL" clId="{B78F41FE-CA4E-41B9-B3D7-4059C52948C1}" dt="2021-06-04T01:32:59.964" v="32" actId="1076"/>
          <ac:spMkLst>
            <pc:docMk/>
            <pc:sldMk cId="1745406771" sldId="284"/>
            <ac:spMk id="5" creationId="{501F9AA8-5911-4722-B3F2-0DE6FF3231B2}"/>
          </ac:spMkLst>
        </pc:spChg>
        <pc:spChg chg="mod">
          <ac:chgData name="Ronald Tong" userId="26f78301-a32f-460f-a787-6ee5fd2eb1b5" providerId="ADAL" clId="{B78F41FE-CA4E-41B9-B3D7-4059C52948C1}" dt="2021-06-04T01:33:01.659" v="34" actId="20577"/>
          <ac:spMkLst>
            <pc:docMk/>
            <pc:sldMk cId="1745406771" sldId="284"/>
            <ac:spMk id="9" creationId="{8374CCA8-EB96-4A5A-A360-A2A7F5C1A4CC}"/>
          </ac:spMkLst>
        </pc:spChg>
        <pc:spChg chg="mod">
          <ac:chgData name="Ronald Tong" userId="26f78301-a32f-460f-a787-6ee5fd2eb1b5" providerId="ADAL" clId="{B78F41FE-CA4E-41B9-B3D7-4059C52948C1}" dt="2021-06-04T01:32:50.212" v="31" actId="20577"/>
          <ac:spMkLst>
            <pc:docMk/>
            <pc:sldMk cId="1745406771" sldId="284"/>
            <ac:spMk id="21" creationId="{9B421BD8-7137-4285-8F1F-E1F771DE6598}"/>
          </ac:spMkLst>
        </pc:spChg>
        <pc:spChg chg="mod">
          <ac:chgData name="Ronald Tong" userId="26f78301-a32f-460f-a787-6ee5fd2eb1b5" providerId="ADAL" clId="{B78F41FE-CA4E-41B9-B3D7-4059C52948C1}" dt="2021-06-04T01:32:59.964" v="32" actId="1076"/>
          <ac:spMkLst>
            <pc:docMk/>
            <pc:sldMk cId="1745406771" sldId="284"/>
            <ac:spMk id="26" creationId="{D907E1DD-2E32-4367-947F-FA5A934956EA}"/>
          </ac:spMkLst>
        </pc:spChg>
        <pc:spChg chg="mod">
          <ac:chgData name="Ronald Tong" userId="26f78301-a32f-460f-a787-6ee5fd2eb1b5" providerId="ADAL" clId="{B78F41FE-CA4E-41B9-B3D7-4059C52948C1}" dt="2021-06-04T01:32:48.771" v="29" actId="1076"/>
          <ac:spMkLst>
            <pc:docMk/>
            <pc:sldMk cId="1745406771" sldId="284"/>
            <ac:spMk id="27" creationId="{232351C3-B276-4C50-889A-6E27224013BB}"/>
          </ac:spMkLst>
        </pc:spChg>
        <pc:spChg chg="mod">
          <ac:chgData name="Ronald Tong" userId="26f78301-a32f-460f-a787-6ee5fd2eb1b5" providerId="ADAL" clId="{B78F41FE-CA4E-41B9-B3D7-4059C52948C1}" dt="2021-06-04T01:32:48.771" v="29" actId="1076"/>
          <ac:spMkLst>
            <pc:docMk/>
            <pc:sldMk cId="1745406771" sldId="284"/>
            <ac:spMk id="28" creationId="{359570FB-E1D0-4B41-8F5C-ACDF397141A0}"/>
          </ac:spMkLst>
        </pc:spChg>
      </pc:sldChg>
      <pc:sldChg chg="addSp delSp modSp mod ord modNotes modNotesTx">
        <pc:chgData name="Ronald Tong" userId="26f78301-a32f-460f-a787-6ee5fd2eb1b5" providerId="ADAL" clId="{B78F41FE-CA4E-41B9-B3D7-4059C52948C1}" dt="2021-06-06T23:27:05.071" v="639"/>
        <pc:sldMkLst>
          <pc:docMk/>
          <pc:sldMk cId="1767619442" sldId="294"/>
        </pc:sldMkLst>
        <pc:spChg chg="mod">
          <ac:chgData name="Ronald Tong" userId="26f78301-a32f-460f-a787-6ee5fd2eb1b5" providerId="ADAL" clId="{B78F41FE-CA4E-41B9-B3D7-4059C52948C1}" dt="2021-06-04T01:36:41.331" v="80" actId="14100"/>
          <ac:spMkLst>
            <pc:docMk/>
            <pc:sldMk cId="1767619442" sldId="294"/>
            <ac:spMk id="3" creationId="{1495D3DC-49C4-4041-9AF4-3219455778D1}"/>
          </ac:spMkLst>
        </pc:spChg>
        <pc:spChg chg="add del">
          <ac:chgData name="Ronald Tong" userId="26f78301-a32f-460f-a787-6ee5fd2eb1b5" providerId="ADAL" clId="{B78F41FE-CA4E-41B9-B3D7-4059C52948C1}" dt="2021-06-04T01:34:56.315" v="61"/>
          <ac:spMkLst>
            <pc:docMk/>
            <pc:sldMk cId="1767619442" sldId="294"/>
            <ac:spMk id="5" creationId="{E1719895-AEB2-4E16-9BB5-5DE6F26BC7C9}"/>
          </ac:spMkLst>
        </pc:spChg>
        <pc:spChg chg="add del">
          <ac:chgData name="Ronald Tong" userId="26f78301-a32f-460f-a787-6ee5fd2eb1b5" providerId="ADAL" clId="{B78F41FE-CA4E-41B9-B3D7-4059C52948C1}" dt="2021-06-04T01:34:59.555" v="63"/>
          <ac:spMkLst>
            <pc:docMk/>
            <pc:sldMk cId="1767619442" sldId="294"/>
            <ac:spMk id="6" creationId="{34929695-EAB4-4847-B82B-46A7B92ECB8A}"/>
          </ac:spMkLst>
        </pc:spChg>
        <pc:spChg chg="add mod">
          <ac:chgData name="Ronald Tong" userId="26f78301-a32f-460f-a787-6ee5fd2eb1b5" providerId="ADAL" clId="{B78F41FE-CA4E-41B9-B3D7-4059C52948C1}" dt="2021-06-04T01:54:45.673" v="276" actId="20577"/>
          <ac:spMkLst>
            <pc:docMk/>
            <pc:sldMk cId="1767619442" sldId="294"/>
            <ac:spMk id="9" creationId="{12B8BA38-AADA-4BF9-B765-96A3810F53C9}"/>
          </ac:spMkLst>
        </pc:spChg>
        <pc:spChg chg="add del mod">
          <ac:chgData name="Ronald Tong" userId="26f78301-a32f-460f-a787-6ee5fd2eb1b5" providerId="ADAL" clId="{B78F41FE-CA4E-41B9-B3D7-4059C52948C1}" dt="2021-06-04T02:31:37.565" v="360"/>
          <ac:spMkLst>
            <pc:docMk/>
            <pc:sldMk cId="1767619442" sldId="294"/>
            <ac:spMk id="13" creationId="{E42CD158-EC95-4DAA-A712-893D06B8855A}"/>
          </ac:spMkLst>
        </pc:spChg>
        <pc:picChg chg="add del mod">
          <ac:chgData name="Ronald Tong" userId="26f78301-a32f-460f-a787-6ee5fd2eb1b5" providerId="ADAL" clId="{B78F41FE-CA4E-41B9-B3D7-4059C52948C1}" dt="2021-06-04T01:40:32.334" v="126" actId="478"/>
          <ac:picMkLst>
            <pc:docMk/>
            <pc:sldMk cId="1767619442" sldId="294"/>
            <ac:picMk id="4" creationId="{18EDEC09-8C33-44B7-B1D3-E7EE07142648}"/>
          </ac:picMkLst>
        </pc:picChg>
        <pc:picChg chg="add mod modCrop">
          <ac:chgData name="Ronald Tong" userId="26f78301-a32f-460f-a787-6ee5fd2eb1b5" providerId="ADAL" clId="{B78F41FE-CA4E-41B9-B3D7-4059C52948C1}" dt="2021-06-04T01:36:30.519" v="78" actId="1076"/>
          <ac:picMkLst>
            <pc:docMk/>
            <pc:sldMk cId="1767619442" sldId="294"/>
            <ac:picMk id="8" creationId="{332FED6A-9528-4BCC-AB0A-76F6A131372B}"/>
          </ac:picMkLst>
        </pc:picChg>
        <pc:picChg chg="add del mod">
          <ac:chgData name="Ronald Tong" userId="26f78301-a32f-460f-a787-6ee5fd2eb1b5" providerId="ADAL" clId="{B78F41FE-CA4E-41B9-B3D7-4059C52948C1}" dt="2021-06-04T01:36:59.515" v="108" actId="478"/>
          <ac:picMkLst>
            <pc:docMk/>
            <pc:sldMk cId="1767619442" sldId="294"/>
            <ac:picMk id="10" creationId="{7139BFF7-08C7-4D9D-9A6B-DA4CD08FD2B3}"/>
          </ac:picMkLst>
        </pc:picChg>
        <pc:picChg chg="add del mod modCrop">
          <ac:chgData name="Ronald Tong" userId="26f78301-a32f-460f-a787-6ee5fd2eb1b5" providerId="ADAL" clId="{B78F41FE-CA4E-41B9-B3D7-4059C52948C1}" dt="2021-06-04T01:52:57.444" v="127" actId="478"/>
          <ac:picMkLst>
            <pc:docMk/>
            <pc:sldMk cId="1767619442" sldId="294"/>
            <ac:picMk id="11" creationId="{5C0FC68C-B50B-4A1C-8931-E32F07C72169}"/>
          </ac:picMkLst>
        </pc:picChg>
        <pc:picChg chg="add del mod modCrop">
          <ac:chgData name="Ronald Tong" userId="26f78301-a32f-460f-a787-6ee5fd2eb1b5" providerId="ADAL" clId="{B78F41FE-CA4E-41B9-B3D7-4059C52948C1}" dt="2021-06-04T01:52:57.873" v="128" actId="478"/>
          <ac:picMkLst>
            <pc:docMk/>
            <pc:sldMk cId="1767619442" sldId="294"/>
            <ac:picMk id="12" creationId="{7A555355-CA10-43ED-B4B4-59102D7AA6F2}"/>
          </ac:picMkLst>
        </pc:picChg>
        <pc:picChg chg="add mod">
          <ac:chgData name="Ronald Tong" userId="26f78301-a32f-460f-a787-6ee5fd2eb1b5" providerId="ADAL" clId="{B78F41FE-CA4E-41B9-B3D7-4059C52948C1}" dt="2021-06-04T03:52:30.569" v="398" actId="1038"/>
          <ac:picMkLst>
            <pc:docMk/>
            <pc:sldMk cId="1767619442" sldId="294"/>
            <ac:picMk id="14" creationId="{5F43AD1E-892D-4AE5-AE53-DFD4192C02E2}"/>
          </ac:picMkLst>
        </pc:picChg>
        <pc:picChg chg="add del mod">
          <ac:chgData name="Ronald Tong" userId="26f78301-a32f-460f-a787-6ee5fd2eb1b5" providerId="ADAL" clId="{B78F41FE-CA4E-41B9-B3D7-4059C52948C1}" dt="2021-06-04T03:52:17.487" v="368" actId="478"/>
          <ac:picMkLst>
            <pc:docMk/>
            <pc:sldMk cId="1767619442" sldId="294"/>
            <ac:picMk id="1030" creationId="{F7E799B4-A5F4-4F6F-B2C9-06E4BB1999C4}"/>
          </ac:picMkLst>
        </pc:picChg>
      </pc:sldChg>
      <pc:sldChg chg="addSp delSp modSp add mod ord">
        <pc:chgData name="Ronald Tong" userId="26f78301-a32f-460f-a787-6ee5fd2eb1b5" providerId="ADAL" clId="{B78F41FE-CA4E-41B9-B3D7-4059C52948C1}" dt="2021-06-06T23:36:54.621" v="647" actId="1076"/>
        <pc:sldMkLst>
          <pc:docMk/>
          <pc:sldMk cId="3739229855" sldId="297"/>
        </pc:sldMkLst>
        <pc:spChg chg="del mod">
          <ac:chgData name="Ronald Tong" userId="26f78301-a32f-460f-a787-6ee5fd2eb1b5" providerId="ADAL" clId="{B78F41FE-CA4E-41B9-B3D7-4059C52948C1}" dt="2021-06-06T23:24:50.449" v="579" actId="478"/>
          <ac:spMkLst>
            <pc:docMk/>
            <pc:sldMk cId="3739229855" sldId="297"/>
            <ac:spMk id="3" creationId="{1495D3DC-49C4-4041-9AF4-3219455778D1}"/>
          </ac:spMkLst>
        </pc:spChg>
        <pc:spChg chg="add del mod">
          <ac:chgData name="Ronald Tong" userId="26f78301-a32f-460f-a787-6ee5fd2eb1b5" providerId="ADAL" clId="{B78F41FE-CA4E-41B9-B3D7-4059C52948C1}" dt="2021-06-06T23:26:36.220" v="617" actId="478"/>
          <ac:spMkLst>
            <pc:docMk/>
            <pc:sldMk cId="3739229855" sldId="297"/>
            <ac:spMk id="9" creationId="{12B8BA38-AADA-4BF9-B765-96A3810F53C9}"/>
          </ac:spMkLst>
        </pc:spChg>
        <pc:spChg chg="add del mod">
          <ac:chgData name="Ronald Tong" userId="26f78301-a32f-460f-a787-6ee5fd2eb1b5" providerId="ADAL" clId="{B78F41FE-CA4E-41B9-B3D7-4059C52948C1}" dt="2021-06-06T23:24:51.982" v="580" actId="478"/>
          <ac:spMkLst>
            <pc:docMk/>
            <pc:sldMk cId="3739229855" sldId="297"/>
            <ac:spMk id="10" creationId="{70DAF29E-CC53-465F-A0F0-C3F64669B0F9}"/>
          </ac:spMkLst>
        </pc:spChg>
        <pc:spChg chg="add del mod">
          <ac:chgData name="Ronald Tong" userId="26f78301-a32f-460f-a787-6ee5fd2eb1b5" providerId="ADAL" clId="{B78F41FE-CA4E-41B9-B3D7-4059C52948C1}" dt="2021-06-06T23:24:37.787" v="575" actId="478"/>
          <ac:spMkLst>
            <pc:docMk/>
            <pc:sldMk cId="3739229855" sldId="297"/>
            <ac:spMk id="13" creationId="{3228745D-0B93-408C-A16F-81A98CB72FF8}"/>
          </ac:spMkLst>
        </pc:spChg>
        <pc:spChg chg="add del mod">
          <ac:chgData name="Ronald Tong" userId="26f78301-a32f-460f-a787-6ee5fd2eb1b5" providerId="ADAL" clId="{B78F41FE-CA4E-41B9-B3D7-4059C52948C1}" dt="2021-06-06T23:24:49.424" v="578"/>
          <ac:spMkLst>
            <pc:docMk/>
            <pc:sldMk cId="3739229855" sldId="297"/>
            <ac:spMk id="14" creationId="{A30FAEB1-70D7-4F92-8403-6C8877F9E794}"/>
          </ac:spMkLst>
        </pc:spChg>
        <pc:spChg chg="add mod">
          <ac:chgData name="Ronald Tong" userId="26f78301-a32f-460f-a787-6ee5fd2eb1b5" providerId="ADAL" clId="{B78F41FE-CA4E-41B9-B3D7-4059C52948C1}" dt="2021-06-06T23:24:57.613" v="597" actId="20577"/>
          <ac:spMkLst>
            <pc:docMk/>
            <pc:sldMk cId="3739229855" sldId="297"/>
            <ac:spMk id="16" creationId="{4FC1ED61-43A3-4361-9E16-E0EDDEE876D6}"/>
          </ac:spMkLst>
        </pc:spChg>
        <pc:spChg chg="add del mod">
          <ac:chgData name="Ronald Tong" userId="26f78301-a32f-460f-a787-6ee5fd2eb1b5" providerId="ADAL" clId="{B78F41FE-CA4E-41B9-B3D7-4059C52948C1}" dt="2021-06-06T23:26:39.750" v="635" actId="20577"/>
          <ac:spMkLst>
            <pc:docMk/>
            <pc:sldMk cId="3739229855" sldId="297"/>
            <ac:spMk id="18" creationId="{954D2C51-4A2F-4CCC-A758-CABDF810A2C0}"/>
          </ac:spMkLst>
        </pc:spChg>
        <pc:picChg chg="add del mod">
          <ac:chgData name="Ronald Tong" userId="26f78301-a32f-460f-a787-6ee5fd2eb1b5" providerId="ADAL" clId="{B78F41FE-CA4E-41B9-B3D7-4059C52948C1}" dt="2021-06-04T03:54:54.660" v="560" actId="478"/>
          <ac:picMkLst>
            <pc:docMk/>
            <pc:sldMk cId="3739229855" sldId="297"/>
            <ac:picMk id="4" creationId="{18EDEC09-8C33-44B7-B1D3-E7EE07142648}"/>
          </ac:picMkLst>
        </pc:picChg>
        <pc:picChg chg="add del mod">
          <ac:chgData name="Ronald Tong" userId="26f78301-a32f-460f-a787-6ee5fd2eb1b5" providerId="ADAL" clId="{B78F41FE-CA4E-41B9-B3D7-4059C52948C1}" dt="2021-06-04T01:53:45.926" v="250" actId="478"/>
          <ac:picMkLst>
            <pc:docMk/>
            <pc:sldMk cId="3739229855" sldId="297"/>
            <ac:picMk id="5" creationId="{CDFE3A0E-9E02-46C1-BE84-E1EC9560F07F}"/>
          </ac:picMkLst>
        </pc:picChg>
        <pc:picChg chg="add del mod">
          <ac:chgData name="Ronald Tong" userId="26f78301-a32f-460f-a787-6ee5fd2eb1b5" providerId="ADAL" clId="{B78F41FE-CA4E-41B9-B3D7-4059C52948C1}" dt="2021-06-06T23:24:11.147" v="561" actId="478"/>
          <ac:picMkLst>
            <pc:docMk/>
            <pc:sldMk cId="3739229855" sldId="297"/>
            <ac:picMk id="6" creationId="{8FCB529A-EDA7-41AE-BFB3-FA3F6162CC0D}"/>
          </ac:picMkLst>
        </pc:picChg>
        <pc:picChg chg="del">
          <ac:chgData name="Ronald Tong" userId="26f78301-a32f-460f-a787-6ee5fd2eb1b5" providerId="ADAL" clId="{B78F41FE-CA4E-41B9-B3D7-4059C52948C1}" dt="2021-06-04T01:53:30.500" v="247" actId="478"/>
          <ac:picMkLst>
            <pc:docMk/>
            <pc:sldMk cId="3739229855" sldId="297"/>
            <ac:picMk id="8" creationId="{332FED6A-9528-4BCC-AB0A-76F6A131372B}"/>
          </ac:picMkLst>
        </pc:picChg>
        <pc:picChg chg="del">
          <ac:chgData name="Ronald Tong" userId="26f78301-a32f-460f-a787-6ee5fd2eb1b5" providerId="ADAL" clId="{B78F41FE-CA4E-41B9-B3D7-4059C52948C1}" dt="2021-06-04T02:31:43.182" v="361" actId="478"/>
          <ac:picMkLst>
            <pc:docMk/>
            <pc:sldMk cId="3739229855" sldId="297"/>
            <ac:picMk id="11" creationId="{5C0FC68C-B50B-4A1C-8931-E32F07C72169}"/>
          </ac:picMkLst>
        </pc:picChg>
        <pc:picChg chg="del mod ord">
          <ac:chgData name="Ronald Tong" userId="26f78301-a32f-460f-a787-6ee5fd2eb1b5" providerId="ADAL" clId="{B78F41FE-CA4E-41B9-B3D7-4059C52948C1}" dt="2021-06-06T23:24:25.486" v="570" actId="478"/>
          <ac:picMkLst>
            <pc:docMk/>
            <pc:sldMk cId="3739229855" sldId="297"/>
            <ac:picMk id="12" creationId="{7A555355-CA10-43ED-B4B4-59102D7AA6F2}"/>
          </ac:picMkLst>
        </pc:picChg>
        <pc:picChg chg="add mod">
          <ac:chgData name="Ronald Tong" userId="26f78301-a32f-460f-a787-6ee5fd2eb1b5" providerId="ADAL" clId="{B78F41FE-CA4E-41B9-B3D7-4059C52948C1}" dt="2021-06-06T23:25:22.300" v="603" actId="1076"/>
          <ac:picMkLst>
            <pc:docMk/>
            <pc:sldMk cId="3739229855" sldId="297"/>
            <ac:picMk id="2050" creationId="{98E6E387-982B-444A-9EC2-5FE8B2939B69}"/>
          </ac:picMkLst>
        </pc:picChg>
        <pc:picChg chg="add mod">
          <ac:chgData name="Ronald Tong" userId="26f78301-a32f-460f-a787-6ee5fd2eb1b5" providerId="ADAL" clId="{B78F41FE-CA4E-41B9-B3D7-4059C52948C1}" dt="2021-06-06T23:35:57.549" v="643" actId="1076"/>
          <ac:picMkLst>
            <pc:docMk/>
            <pc:sldMk cId="3739229855" sldId="297"/>
            <ac:picMk id="2052" creationId="{A2B043BE-3F9F-426C-AB72-AED203EA8F78}"/>
          </ac:picMkLst>
        </pc:picChg>
        <pc:picChg chg="add del mod">
          <ac:chgData name="Ronald Tong" userId="26f78301-a32f-460f-a787-6ee5fd2eb1b5" providerId="ADAL" clId="{B78F41FE-CA4E-41B9-B3D7-4059C52948C1}" dt="2021-06-06T23:35:58.266" v="644" actId="478"/>
          <ac:picMkLst>
            <pc:docMk/>
            <pc:sldMk cId="3739229855" sldId="297"/>
            <ac:picMk id="2054" creationId="{AFD56299-9FB8-445B-9FCE-1EC9966149BC}"/>
          </ac:picMkLst>
        </pc:picChg>
        <pc:picChg chg="add mod">
          <ac:chgData name="Ronald Tong" userId="26f78301-a32f-460f-a787-6ee5fd2eb1b5" providerId="ADAL" clId="{B78F41FE-CA4E-41B9-B3D7-4059C52948C1}" dt="2021-06-06T23:36:54.621" v="647" actId="1076"/>
          <ac:picMkLst>
            <pc:docMk/>
            <pc:sldMk cId="3739229855" sldId="297"/>
            <ac:picMk id="2056" creationId="{F6D12180-2EFB-4893-B852-A6743B9390C9}"/>
          </ac:picMkLst>
        </pc:picChg>
      </pc:sldChg>
      <pc:sldChg chg="add del">
        <pc:chgData name="Ronald Tong" userId="26f78301-a32f-460f-a787-6ee5fd2eb1b5" providerId="ADAL" clId="{B78F41FE-CA4E-41B9-B3D7-4059C52948C1}" dt="2021-06-04T03:53:37.910" v="410" actId="47"/>
        <pc:sldMkLst>
          <pc:docMk/>
          <pc:sldMk cId="290140569" sldId="298"/>
        </pc:sldMkLst>
      </pc:sldChg>
    </pc:docChg>
  </pc:docChgLst>
</pc:chgInfo>
</file>

<file path=ppt/comments/comment1.xml><?xml version="1.0" encoding="utf-8"?>
<p:cmLst xmlns:a="http://schemas.openxmlformats.org/drawingml/2006/main" xmlns:r="http://schemas.openxmlformats.org/officeDocument/2006/relationships" xmlns:p="http://schemas.openxmlformats.org/presentationml/2006/main">
  <p:cm authorId="3" dt="2021-06-08T09:14:23.009" idx="1">
    <p:pos x="10" y="10"/>
    <p:text>See if i can get Anna's presentation on Dynamo from Auck</p:text>
    <p:extLst>
      <p:ext uri="{C676402C-5697-4E1C-873F-D02D1690AC5C}">
        <p15:threadingInfo xmlns:p15="http://schemas.microsoft.com/office/powerpoint/2012/main" timeZoneBias="-600"/>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1" dt="2021-05-24T10:36:55.498" idx="1">
    <p:pos x="3257" y="1864"/>
    <p:text>@ronald.tong ensure this is explained as an ongoing initiative (relaunching?) as they were run also in 2020, perhaps with less focus as we now have an ACD lead in Aus (Steve Grigg)</p:text>
    <p:extLst>
      <p:ext uri="{C676402C-5697-4E1C-873F-D02D1690AC5C}">
        <p15:threadingInfo xmlns:p15="http://schemas.microsoft.com/office/powerpoint/2012/main" timeZoneBias="-720"/>
      </p:ext>
    </p:extLst>
  </p:cm>
</p:cmLst>
</file>

<file path=ppt/comments/comment3.xml><?xml version="1.0" encoding="utf-8"?>
<p:cmLst xmlns:a="http://schemas.openxmlformats.org/drawingml/2006/main" xmlns:r="http://schemas.openxmlformats.org/officeDocument/2006/relationships" xmlns:p="http://schemas.openxmlformats.org/presentationml/2006/main">
  <p:cm authorId="3" dt="2021-06-08T09:29:09.089" idx="4">
    <p:pos x="10" y="10"/>
    <p:text>Vlaue
Creating 1 script - first solution to problem
When reuirements change, you can quickly update within hours........
Adaptabile when project changes
COmmon theme through all examples</p:text>
    <p:extLst>
      <p:ext uri="{C676402C-5697-4E1C-873F-D02D1690AC5C}">
        <p15:threadingInfo xmlns:p15="http://schemas.microsoft.com/office/powerpoint/2012/main" timeZoneBias="-600"/>
      </p:ext>
    </p:extLst>
  </p:cm>
</p:cmLst>
</file>

<file path=ppt/comments/comment4.xml><?xml version="1.0" encoding="utf-8"?>
<p:cmLst xmlns:a="http://schemas.openxmlformats.org/drawingml/2006/main" xmlns:r="http://schemas.openxmlformats.org/officeDocument/2006/relationships" xmlns:p="http://schemas.openxmlformats.org/presentationml/2006/main">
  <p:cm authorId="2" dt="2021-06-01T12:17:12.620" idx="1">
    <p:pos x="10" y="10"/>
    <p:text>examples of where we have used python in mott? not just traditional</p:text>
    <p:extLst>
      <p:ext uri="{C676402C-5697-4E1C-873F-D02D1690AC5C}">
        <p15:threadingInfo xmlns:p15="http://schemas.microsoft.com/office/powerpoint/2012/main" timeZoneBias="-600"/>
      </p:ext>
    </p:extLst>
  </p:cm>
  <p:cm authorId="2" dt="2021-06-01T12:18:11.179" idx="3">
    <p:pos x="10" y="106"/>
    <p:text>reference to dynamo as part of coding club 2021, examples of what has been done in dynamo, overview of how coding can help our daily job</p:text>
    <p:extLst>
      <p:ext uri="{C676402C-5697-4E1C-873F-D02D1690AC5C}">
        <p15:threadingInfo xmlns:p15="http://schemas.microsoft.com/office/powerpoint/2012/main" timeZoneBias="-600">
          <p15:parentCm authorId="2" idx="1"/>
        </p15:threadingInfo>
      </p:ext>
    </p:extLst>
  </p:cm>
  <p:cm authorId="2" dt="2021-06-01T12:17:28.202" idx="2">
    <p:pos x="106" y="106"/>
    <p:text/>
    <p:extLst>
      <p:ext uri="{C676402C-5697-4E1C-873F-D02D1690AC5C}">
        <p15:threadingInfo xmlns:p15="http://schemas.microsoft.com/office/powerpoint/2012/main" timeZoneBias="-600"/>
      </p:ext>
    </p:extLst>
  </p:cm>
</p:cmLst>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66C2E42-403B-433C-9A39-729784A9E177}" type="doc">
      <dgm:prSet loTypeId="urn:microsoft.com/office/officeart/2005/8/layout/venn1" loCatId="relationship" qsTypeId="urn:microsoft.com/office/officeart/2005/8/quickstyle/simple1" qsCatId="simple" csTypeId="urn:microsoft.com/office/officeart/2005/8/colors/accent1_2" csCatId="accent1" phldr="1"/>
      <dgm:spPr/>
    </dgm:pt>
    <dgm:pt modelId="{1471695C-7E3D-4DFD-B189-C8E9528CD5AF}">
      <dgm:prSet phldrT="[Text]"/>
      <dgm:spPr/>
      <dgm:t>
        <a:bodyPr/>
        <a:lstStyle/>
        <a:p>
          <a:r>
            <a:rPr lang="en-GB" dirty="0"/>
            <a:t>BIM</a:t>
          </a:r>
          <a:endParaRPr lang="en-AU" dirty="0"/>
        </a:p>
      </dgm:t>
    </dgm:pt>
    <dgm:pt modelId="{B3AE90EC-2684-4369-9434-329BF6AA0024}" type="parTrans" cxnId="{F7E344DB-230E-4FD6-88B9-555D59A69A3B}">
      <dgm:prSet/>
      <dgm:spPr/>
      <dgm:t>
        <a:bodyPr/>
        <a:lstStyle/>
        <a:p>
          <a:endParaRPr lang="en-AU"/>
        </a:p>
      </dgm:t>
    </dgm:pt>
    <dgm:pt modelId="{C0431EAC-9A2F-439E-8EB0-1C302360C2DA}" type="sibTrans" cxnId="{F7E344DB-230E-4FD6-88B9-555D59A69A3B}">
      <dgm:prSet/>
      <dgm:spPr/>
      <dgm:t>
        <a:bodyPr/>
        <a:lstStyle/>
        <a:p>
          <a:endParaRPr lang="en-AU"/>
        </a:p>
      </dgm:t>
    </dgm:pt>
    <dgm:pt modelId="{4363B9C8-4945-412B-8959-E3F26917855E}">
      <dgm:prSet phldrT="[Text]"/>
      <dgm:spPr/>
      <dgm:t>
        <a:bodyPr/>
        <a:lstStyle/>
        <a:p>
          <a:r>
            <a:rPr lang="en-GB" dirty="0"/>
            <a:t>GIS</a:t>
          </a:r>
          <a:endParaRPr lang="en-AU" dirty="0"/>
        </a:p>
      </dgm:t>
    </dgm:pt>
    <dgm:pt modelId="{73569B23-EC91-4C6E-B417-39FC2C636F06}" type="parTrans" cxnId="{C3FFB0C9-EEBD-4914-A344-92DB88AAAD85}">
      <dgm:prSet/>
      <dgm:spPr/>
      <dgm:t>
        <a:bodyPr/>
        <a:lstStyle/>
        <a:p>
          <a:endParaRPr lang="en-AU"/>
        </a:p>
      </dgm:t>
    </dgm:pt>
    <dgm:pt modelId="{F2518342-48DA-42D2-AC60-B7B0E4E1EA0E}" type="sibTrans" cxnId="{C3FFB0C9-EEBD-4914-A344-92DB88AAAD85}">
      <dgm:prSet/>
      <dgm:spPr/>
      <dgm:t>
        <a:bodyPr/>
        <a:lstStyle/>
        <a:p>
          <a:endParaRPr lang="en-AU"/>
        </a:p>
      </dgm:t>
    </dgm:pt>
    <dgm:pt modelId="{391F1B10-7BAA-45DD-B783-23BC06427E9E}">
      <dgm:prSet phldrT="[Text]"/>
      <dgm:spPr/>
      <dgm:t>
        <a:bodyPr/>
        <a:lstStyle/>
        <a:p>
          <a:r>
            <a:rPr lang="en-GB" dirty="0"/>
            <a:t>ACD</a:t>
          </a:r>
          <a:endParaRPr lang="en-AU" dirty="0"/>
        </a:p>
      </dgm:t>
    </dgm:pt>
    <dgm:pt modelId="{F8C5A8EB-8A98-4F26-8B66-378642D1C4CE}" type="parTrans" cxnId="{91193673-96D5-4F55-BBD8-3D4DEDA66677}">
      <dgm:prSet/>
      <dgm:spPr/>
      <dgm:t>
        <a:bodyPr/>
        <a:lstStyle/>
        <a:p>
          <a:endParaRPr lang="en-AU"/>
        </a:p>
      </dgm:t>
    </dgm:pt>
    <dgm:pt modelId="{1CC5C5FB-67AD-4557-9A4A-C3154B2B496A}" type="sibTrans" cxnId="{91193673-96D5-4F55-BBD8-3D4DEDA66677}">
      <dgm:prSet/>
      <dgm:spPr/>
      <dgm:t>
        <a:bodyPr/>
        <a:lstStyle/>
        <a:p>
          <a:endParaRPr lang="en-AU"/>
        </a:p>
      </dgm:t>
    </dgm:pt>
    <dgm:pt modelId="{21E7DF9F-01BB-48AC-8A25-537A027C5C1F}">
      <dgm:prSet phldrT="[Text]"/>
      <dgm:spPr/>
      <dgm:t>
        <a:bodyPr/>
        <a:lstStyle/>
        <a:p>
          <a:r>
            <a:rPr lang="en-GB" dirty="0"/>
            <a:t>Data Science</a:t>
          </a:r>
          <a:endParaRPr lang="en-AU" dirty="0"/>
        </a:p>
      </dgm:t>
    </dgm:pt>
    <dgm:pt modelId="{FEAAA485-0979-4833-BFE7-5B6E99CF0FD1}" type="parTrans" cxnId="{DA27872A-53BB-4D16-98AB-E033AAAFFF27}">
      <dgm:prSet/>
      <dgm:spPr/>
      <dgm:t>
        <a:bodyPr/>
        <a:lstStyle/>
        <a:p>
          <a:endParaRPr lang="en-AU"/>
        </a:p>
      </dgm:t>
    </dgm:pt>
    <dgm:pt modelId="{3B1B1C1D-7936-4101-A1A0-D1DC46BE2525}" type="sibTrans" cxnId="{DA27872A-53BB-4D16-98AB-E033AAAFFF27}">
      <dgm:prSet/>
      <dgm:spPr/>
      <dgm:t>
        <a:bodyPr/>
        <a:lstStyle/>
        <a:p>
          <a:endParaRPr lang="en-AU"/>
        </a:p>
      </dgm:t>
    </dgm:pt>
    <dgm:pt modelId="{399C0737-DE94-4A36-BF2C-4C73D4AEB24E}" type="pres">
      <dgm:prSet presAssocID="{366C2E42-403B-433C-9A39-729784A9E177}" presName="compositeShape" presStyleCnt="0">
        <dgm:presLayoutVars>
          <dgm:chMax val="7"/>
          <dgm:dir/>
          <dgm:resizeHandles val="exact"/>
        </dgm:presLayoutVars>
      </dgm:prSet>
      <dgm:spPr/>
    </dgm:pt>
    <dgm:pt modelId="{7E23E56F-815F-4E4F-AAD0-C1543A1888E0}" type="pres">
      <dgm:prSet presAssocID="{1471695C-7E3D-4DFD-B189-C8E9528CD5AF}" presName="circ1" presStyleLbl="vennNode1" presStyleIdx="0" presStyleCnt="4"/>
      <dgm:spPr/>
    </dgm:pt>
    <dgm:pt modelId="{DF26EFF5-A4BF-4F11-B0B2-417A58DB53BA}" type="pres">
      <dgm:prSet presAssocID="{1471695C-7E3D-4DFD-B189-C8E9528CD5AF}" presName="circ1Tx" presStyleLbl="revTx" presStyleIdx="0" presStyleCnt="0">
        <dgm:presLayoutVars>
          <dgm:chMax val="0"/>
          <dgm:chPref val="0"/>
          <dgm:bulletEnabled val="1"/>
        </dgm:presLayoutVars>
      </dgm:prSet>
      <dgm:spPr/>
    </dgm:pt>
    <dgm:pt modelId="{2679FD64-86BF-42FC-B5C0-C708C89965BF}" type="pres">
      <dgm:prSet presAssocID="{4363B9C8-4945-412B-8959-E3F26917855E}" presName="circ2" presStyleLbl="vennNode1" presStyleIdx="1" presStyleCnt="4"/>
      <dgm:spPr/>
    </dgm:pt>
    <dgm:pt modelId="{FDD91162-5897-4A23-92C4-28379A132372}" type="pres">
      <dgm:prSet presAssocID="{4363B9C8-4945-412B-8959-E3F26917855E}" presName="circ2Tx" presStyleLbl="revTx" presStyleIdx="0" presStyleCnt="0">
        <dgm:presLayoutVars>
          <dgm:chMax val="0"/>
          <dgm:chPref val="0"/>
          <dgm:bulletEnabled val="1"/>
        </dgm:presLayoutVars>
      </dgm:prSet>
      <dgm:spPr/>
    </dgm:pt>
    <dgm:pt modelId="{123B877E-A1AC-4510-8DCE-491B883BE4BE}" type="pres">
      <dgm:prSet presAssocID="{391F1B10-7BAA-45DD-B783-23BC06427E9E}" presName="circ3" presStyleLbl="vennNode1" presStyleIdx="2" presStyleCnt="4"/>
      <dgm:spPr/>
    </dgm:pt>
    <dgm:pt modelId="{1A719192-9866-431A-8362-E04D3436988F}" type="pres">
      <dgm:prSet presAssocID="{391F1B10-7BAA-45DD-B783-23BC06427E9E}" presName="circ3Tx" presStyleLbl="revTx" presStyleIdx="0" presStyleCnt="0">
        <dgm:presLayoutVars>
          <dgm:chMax val="0"/>
          <dgm:chPref val="0"/>
          <dgm:bulletEnabled val="1"/>
        </dgm:presLayoutVars>
      </dgm:prSet>
      <dgm:spPr/>
    </dgm:pt>
    <dgm:pt modelId="{C962DC8B-63FB-47A0-8CE5-FAB8955EC820}" type="pres">
      <dgm:prSet presAssocID="{21E7DF9F-01BB-48AC-8A25-537A027C5C1F}" presName="circ4" presStyleLbl="vennNode1" presStyleIdx="3" presStyleCnt="4"/>
      <dgm:spPr/>
    </dgm:pt>
    <dgm:pt modelId="{108251D3-8339-47B1-8A3A-44FB0602013D}" type="pres">
      <dgm:prSet presAssocID="{21E7DF9F-01BB-48AC-8A25-537A027C5C1F}" presName="circ4Tx" presStyleLbl="revTx" presStyleIdx="0" presStyleCnt="0">
        <dgm:presLayoutVars>
          <dgm:chMax val="0"/>
          <dgm:chPref val="0"/>
          <dgm:bulletEnabled val="1"/>
        </dgm:presLayoutVars>
      </dgm:prSet>
      <dgm:spPr/>
    </dgm:pt>
  </dgm:ptLst>
  <dgm:cxnLst>
    <dgm:cxn modelId="{DA27872A-53BB-4D16-98AB-E033AAAFFF27}" srcId="{366C2E42-403B-433C-9A39-729784A9E177}" destId="{21E7DF9F-01BB-48AC-8A25-537A027C5C1F}" srcOrd="3" destOrd="0" parTransId="{FEAAA485-0979-4833-BFE7-5B6E99CF0FD1}" sibTransId="{3B1B1C1D-7936-4101-A1A0-D1DC46BE2525}"/>
    <dgm:cxn modelId="{46CF7A32-7BCE-46CA-B54A-415E308A58DE}" type="presOf" srcId="{21E7DF9F-01BB-48AC-8A25-537A027C5C1F}" destId="{108251D3-8339-47B1-8A3A-44FB0602013D}" srcOrd="1" destOrd="0" presId="urn:microsoft.com/office/officeart/2005/8/layout/venn1"/>
    <dgm:cxn modelId="{3586AF3F-E4D1-4E5F-A09D-766A85383B77}" type="presOf" srcId="{4363B9C8-4945-412B-8959-E3F26917855E}" destId="{2679FD64-86BF-42FC-B5C0-C708C89965BF}" srcOrd="0" destOrd="0" presId="urn:microsoft.com/office/officeart/2005/8/layout/venn1"/>
    <dgm:cxn modelId="{86387769-37E3-4245-9EBC-C2B101D4DF8E}" type="presOf" srcId="{1471695C-7E3D-4DFD-B189-C8E9528CD5AF}" destId="{DF26EFF5-A4BF-4F11-B0B2-417A58DB53BA}" srcOrd="1" destOrd="0" presId="urn:microsoft.com/office/officeart/2005/8/layout/venn1"/>
    <dgm:cxn modelId="{91193673-96D5-4F55-BBD8-3D4DEDA66677}" srcId="{366C2E42-403B-433C-9A39-729784A9E177}" destId="{391F1B10-7BAA-45DD-B783-23BC06427E9E}" srcOrd="2" destOrd="0" parTransId="{F8C5A8EB-8A98-4F26-8B66-378642D1C4CE}" sibTransId="{1CC5C5FB-67AD-4557-9A4A-C3154B2B496A}"/>
    <dgm:cxn modelId="{9436E17F-4579-4794-844A-09E2ECF6CDD3}" type="presOf" srcId="{366C2E42-403B-433C-9A39-729784A9E177}" destId="{399C0737-DE94-4A36-BF2C-4C73D4AEB24E}" srcOrd="0" destOrd="0" presId="urn:microsoft.com/office/officeart/2005/8/layout/venn1"/>
    <dgm:cxn modelId="{4C7D5D9C-9329-4448-823D-BA0A73C065C3}" type="presOf" srcId="{4363B9C8-4945-412B-8959-E3F26917855E}" destId="{FDD91162-5897-4A23-92C4-28379A132372}" srcOrd="1" destOrd="0" presId="urn:microsoft.com/office/officeart/2005/8/layout/venn1"/>
    <dgm:cxn modelId="{E8971FB0-1BD5-4DB3-B6FD-11504053DD6E}" type="presOf" srcId="{391F1B10-7BAA-45DD-B783-23BC06427E9E}" destId="{1A719192-9866-431A-8362-E04D3436988F}" srcOrd="1" destOrd="0" presId="urn:microsoft.com/office/officeart/2005/8/layout/venn1"/>
    <dgm:cxn modelId="{C1D173C5-D3A5-4566-81E1-1B94B8D3A235}" type="presOf" srcId="{391F1B10-7BAA-45DD-B783-23BC06427E9E}" destId="{123B877E-A1AC-4510-8DCE-491B883BE4BE}" srcOrd="0" destOrd="0" presId="urn:microsoft.com/office/officeart/2005/8/layout/venn1"/>
    <dgm:cxn modelId="{C3FFB0C9-EEBD-4914-A344-92DB88AAAD85}" srcId="{366C2E42-403B-433C-9A39-729784A9E177}" destId="{4363B9C8-4945-412B-8959-E3F26917855E}" srcOrd="1" destOrd="0" parTransId="{73569B23-EC91-4C6E-B417-39FC2C636F06}" sibTransId="{F2518342-48DA-42D2-AC60-B7B0E4E1EA0E}"/>
    <dgm:cxn modelId="{C04A41CD-7EB5-4DA8-A14A-FBB3C968D8D3}" type="presOf" srcId="{21E7DF9F-01BB-48AC-8A25-537A027C5C1F}" destId="{C962DC8B-63FB-47A0-8CE5-FAB8955EC820}" srcOrd="0" destOrd="0" presId="urn:microsoft.com/office/officeart/2005/8/layout/venn1"/>
    <dgm:cxn modelId="{F7E344DB-230E-4FD6-88B9-555D59A69A3B}" srcId="{366C2E42-403B-433C-9A39-729784A9E177}" destId="{1471695C-7E3D-4DFD-B189-C8E9528CD5AF}" srcOrd="0" destOrd="0" parTransId="{B3AE90EC-2684-4369-9434-329BF6AA0024}" sibTransId="{C0431EAC-9A2F-439E-8EB0-1C302360C2DA}"/>
    <dgm:cxn modelId="{AD705EE6-16F2-4C4C-9053-C137792A6173}" type="presOf" srcId="{1471695C-7E3D-4DFD-B189-C8E9528CD5AF}" destId="{7E23E56F-815F-4E4F-AAD0-C1543A1888E0}" srcOrd="0" destOrd="0" presId="urn:microsoft.com/office/officeart/2005/8/layout/venn1"/>
    <dgm:cxn modelId="{7513279D-572E-4507-A0EE-8D30D28A8FC0}" type="presParOf" srcId="{399C0737-DE94-4A36-BF2C-4C73D4AEB24E}" destId="{7E23E56F-815F-4E4F-AAD0-C1543A1888E0}" srcOrd="0" destOrd="0" presId="urn:microsoft.com/office/officeart/2005/8/layout/venn1"/>
    <dgm:cxn modelId="{D3D64DD6-3EA9-4704-AF7D-3DB0FCD29AF4}" type="presParOf" srcId="{399C0737-DE94-4A36-BF2C-4C73D4AEB24E}" destId="{DF26EFF5-A4BF-4F11-B0B2-417A58DB53BA}" srcOrd="1" destOrd="0" presId="urn:microsoft.com/office/officeart/2005/8/layout/venn1"/>
    <dgm:cxn modelId="{D942421D-9CF3-4C7D-8515-EAFDB52CD3A3}" type="presParOf" srcId="{399C0737-DE94-4A36-BF2C-4C73D4AEB24E}" destId="{2679FD64-86BF-42FC-B5C0-C708C89965BF}" srcOrd="2" destOrd="0" presId="urn:microsoft.com/office/officeart/2005/8/layout/venn1"/>
    <dgm:cxn modelId="{EA1D336D-14DC-4394-A269-9B2EFB71B78D}" type="presParOf" srcId="{399C0737-DE94-4A36-BF2C-4C73D4AEB24E}" destId="{FDD91162-5897-4A23-92C4-28379A132372}" srcOrd="3" destOrd="0" presId="urn:microsoft.com/office/officeart/2005/8/layout/venn1"/>
    <dgm:cxn modelId="{48F054E9-5AC4-401F-831D-E7A76E20D118}" type="presParOf" srcId="{399C0737-DE94-4A36-BF2C-4C73D4AEB24E}" destId="{123B877E-A1AC-4510-8DCE-491B883BE4BE}" srcOrd="4" destOrd="0" presId="urn:microsoft.com/office/officeart/2005/8/layout/venn1"/>
    <dgm:cxn modelId="{E507272C-11CD-4730-AE31-0E3159E48AD7}" type="presParOf" srcId="{399C0737-DE94-4A36-BF2C-4C73D4AEB24E}" destId="{1A719192-9866-431A-8362-E04D3436988F}" srcOrd="5" destOrd="0" presId="urn:microsoft.com/office/officeart/2005/8/layout/venn1"/>
    <dgm:cxn modelId="{FBB4C50E-DC65-45A5-A75F-DEE8321F1963}" type="presParOf" srcId="{399C0737-DE94-4A36-BF2C-4C73D4AEB24E}" destId="{C962DC8B-63FB-47A0-8CE5-FAB8955EC820}" srcOrd="6" destOrd="0" presId="urn:microsoft.com/office/officeart/2005/8/layout/venn1"/>
    <dgm:cxn modelId="{F8A56EC8-0AD7-4405-B868-B189DA7B5C4A}" type="presParOf" srcId="{399C0737-DE94-4A36-BF2C-4C73D4AEB24E}" destId="{108251D3-8339-47B1-8A3A-44FB0602013D}" srcOrd="7" destOrd="0" presId="urn:microsoft.com/office/officeart/2005/8/layout/ven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04B1BD95-79ED-4D26-9313-B8DA847C8111}" type="doc">
      <dgm:prSet loTypeId="urn:microsoft.com/office/officeart/2005/8/layout/chevron2" loCatId="list" qsTypeId="urn:microsoft.com/office/officeart/2005/8/quickstyle/simple1" qsCatId="simple" csTypeId="urn:microsoft.com/office/officeart/2005/8/colors/accent1_2" csCatId="accent1" phldr="1"/>
      <dgm:spPr/>
      <dgm:t>
        <a:bodyPr/>
        <a:lstStyle/>
        <a:p>
          <a:endParaRPr lang="en-AU"/>
        </a:p>
      </dgm:t>
    </dgm:pt>
    <dgm:pt modelId="{3FC9D5B3-2A60-48BC-9043-E84F0CB239F7}">
      <dgm:prSet phldrT="[Text]"/>
      <dgm:spPr/>
      <dgm:t>
        <a:bodyPr/>
        <a:lstStyle/>
        <a:p>
          <a:r>
            <a:rPr lang="en-GB" dirty="0"/>
            <a:t>Week 1</a:t>
          </a:r>
          <a:endParaRPr lang="en-AU" dirty="0"/>
        </a:p>
      </dgm:t>
    </dgm:pt>
    <dgm:pt modelId="{06DCE462-3124-497A-B7A9-B863BB6076BA}" type="parTrans" cxnId="{03CD9A06-A074-41D8-94E9-6C3643DB0D4C}">
      <dgm:prSet/>
      <dgm:spPr/>
      <dgm:t>
        <a:bodyPr/>
        <a:lstStyle/>
        <a:p>
          <a:endParaRPr lang="en-AU"/>
        </a:p>
      </dgm:t>
    </dgm:pt>
    <dgm:pt modelId="{3E843098-288C-48BB-9953-2F1FCAD57921}" type="sibTrans" cxnId="{03CD9A06-A074-41D8-94E9-6C3643DB0D4C}">
      <dgm:prSet/>
      <dgm:spPr/>
      <dgm:t>
        <a:bodyPr/>
        <a:lstStyle/>
        <a:p>
          <a:endParaRPr lang="en-AU"/>
        </a:p>
      </dgm:t>
    </dgm:pt>
    <dgm:pt modelId="{D7B13BE6-7EE7-424A-AD3B-153A954CCCE1}">
      <dgm:prSet phldrT="[Text]"/>
      <dgm:spPr/>
      <dgm:t>
        <a:bodyPr/>
        <a:lstStyle/>
        <a:p>
          <a:r>
            <a:rPr lang="en-GB" dirty="0"/>
            <a:t>Coding Process Overview</a:t>
          </a:r>
          <a:endParaRPr lang="en-AU" dirty="0"/>
        </a:p>
      </dgm:t>
    </dgm:pt>
    <dgm:pt modelId="{BBE40010-5E70-4710-A08D-AE2BF81CF31F}" type="parTrans" cxnId="{287E18B4-45C8-40A9-A4D4-2CCB4D4952F2}">
      <dgm:prSet/>
      <dgm:spPr/>
      <dgm:t>
        <a:bodyPr/>
        <a:lstStyle/>
        <a:p>
          <a:endParaRPr lang="en-AU"/>
        </a:p>
      </dgm:t>
    </dgm:pt>
    <dgm:pt modelId="{97F6D87F-D699-4EC7-933A-E6FF58271B07}" type="sibTrans" cxnId="{287E18B4-45C8-40A9-A4D4-2CCB4D4952F2}">
      <dgm:prSet/>
      <dgm:spPr/>
      <dgm:t>
        <a:bodyPr/>
        <a:lstStyle/>
        <a:p>
          <a:endParaRPr lang="en-AU"/>
        </a:p>
      </dgm:t>
    </dgm:pt>
    <dgm:pt modelId="{429C0A11-46DA-4927-B55E-1CE8C3FB4DCC}">
      <dgm:prSet phldrT="[Text]"/>
      <dgm:spPr/>
      <dgm:t>
        <a:bodyPr/>
        <a:lstStyle/>
        <a:p>
          <a:r>
            <a:rPr lang="en-GB" dirty="0"/>
            <a:t>Week 2</a:t>
          </a:r>
          <a:endParaRPr lang="en-AU" dirty="0"/>
        </a:p>
      </dgm:t>
    </dgm:pt>
    <dgm:pt modelId="{E9F5D34F-A8C0-4024-BDAF-B2F2650107C3}" type="parTrans" cxnId="{F4905CA3-D629-46D6-955F-590E692C81FC}">
      <dgm:prSet/>
      <dgm:spPr/>
      <dgm:t>
        <a:bodyPr/>
        <a:lstStyle/>
        <a:p>
          <a:endParaRPr lang="en-AU"/>
        </a:p>
      </dgm:t>
    </dgm:pt>
    <dgm:pt modelId="{20C22964-A11A-456C-BBAF-54F70A147259}" type="sibTrans" cxnId="{F4905CA3-D629-46D6-955F-590E692C81FC}">
      <dgm:prSet/>
      <dgm:spPr/>
      <dgm:t>
        <a:bodyPr/>
        <a:lstStyle/>
        <a:p>
          <a:endParaRPr lang="en-AU"/>
        </a:p>
      </dgm:t>
    </dgm:pt>
    <dgm:pt modelId="{08787C61-ED7A-4944-B8FD-E484D4DF4333}">
      <dgm:prSet phldrT="[Text]"/>
      <dgm:spPr/>
      <dgm:t>
        <a:bodyPr/>
        <a:lstStyle/>
        <a:p>
          <a:r>
            <a:rPr lang="en-GB" dirty="0"/>
            <a:t>Computer Vision</a:t>
          </a:r>
          <a:endParaRPr lang="en-AU" dirty="0"/>
        </a:p>
      </dgm:t>
    </dgm:pt>
    <dgm:pt modelId="{064D2748-CFC3-48C3-A3D8-EFAB946C7BCE}" type="parTrans" cxnId="{B2F8C9A5-8C66-444D-923E-6911B69C61D9}">
      <dgm:prSet/>
      <dgm:spPr/>
      <dgm:t>
        <a:bodyPr/>
        <a:lstStyle/>
        <a:p>
          <a:endParaRPr lang="en-AU"/>
        </a:p>
      </dgm:t>
    </dgm:pt>
    <dgm:pt modelId="{C67369AA-5C04-4033-9550-170C58EE3CAA}" type="sibTrans" cxnId="{B2F8C9A5-8C66-444D-923E-6911B69C61D9}">
      <dgm:prSet/>
      <dgm:spPr/>
      <dgm:t>
        <a:bodyPr/>
        <a:lstStyle/>
        <a:p>
          <a:endParaRPr lang="en-AU"/>
        </a:p>
      </dgm:t>
    </dgm:pt>
    <dgm:pt modelId="{109DA892-455D-4257-90F7-ACF69605F5ED}">
      <dgm:prSet phldrT="[Text]"/>
      <dgm:spPr/>
      <dgm:t>
        <a:bodyPr/>
        <a:lstStyle/>
        <a:p>
          <a:r>
            <a:rPr lang="en-GB" dirty="0"/>
            <a:t>Week 3</a:t>
          </a:r>
          <a:endParaRPr lang="en-AU" dirty="0"/>
        </a:p>
      </dgm:t>
    </dgm:pt>
    <dgm:pt modelId="{D97F1858-70BE-4FD6-A171-A0F90DC57ADF}" type="parTrans" cxnId="{3ED9FE8F-F004-40D2-9811-B1108FF4FE70}">
      <dgm:prSet/>
      <dgm:spPr/>
      <dgm:t>
        <a:bodyPr/>
        <a:lstStyle/>
        <a:p>
          <a:endParaRPr lang="en-AU"/>
        </a:p>
      </dgm:t>
    </dgm:pt>
    <dgm:pt modelId="{7BD5A36B-C3BF-4EB8-828B-451E82FCCA9D}" type="sibTrans" cxnId="{3ED9FE8F-F004-40D2-9811-B1108FF4FE70}">
      <dgm:prSet/>
      <dgm:spPr/>
      <dgm:t>
        <a:bodyPr/>
        <a:lstStyle/>
        <a:p>
          <a:endParaRPr lang="en-AU"/>
        </a:p>
      </dgm:t>
    </dgm:pt>
    <dgm:pt modelId="{7BF70DEF-2A97-4117-89DF-9F2E35915907}">
      <dgm:prSet phldrT="[Text]"/>
      <dgm:spPr/>
      <dgm:t>
        <a:bodyPr/>
        <a:lstStyle/>
        <a:p>
          <a:r>
            <a:rPr lang="en-GB" dirty="0"/>
            <a:t>Excel Manipulation and Data Processing</a:t>
          </a:r>
          <a:endParaRPr lang="en-AU" dirty="0"/>
        </a:p>
      </dgm:t>
    </dgm:pt>
    <dgm:pt modelId="{9B8D820D-6980-430A-B2D8-CFCA735002D1}" type="parTrans" cxnId="{EDF55BFB-A00E-4EE5-80E5-8147633F665D}">
      <dgm:prSet/>
      <dgm:spPr/>
      <dgm:t>
        <a:bodyPr/>
        <a:lstStyle/>
        <a:p>
          <a:endParaRPr lang="en-AU"/>
        </a:p>
      </dgm:t>
    </dgm:pt>
    <dgm:pt modelId="{82D0D7AD-2C91-43B0-84A5-81318630086B}" type="sibTrans" cxnId="{EDF55BFB-A00E-4EE5-80E5-8147633F665D}">
      <dgm:prSet/>
      <dgm:spPr/>
      <dgm:t>
        <a:bodyPr/>
        <a:lstStyle/>
        <a:p>
          <a:endParaRPr lang="en-AU"/>
        </a:p>
      </dgm:t>
    </dgm:pt>
    <dgm:pt modelId="{59CD5D17-ABC0-4440-866C-28FBE233D367}">
      <dgm:prSet phldrT="[Text]"/>
      <dgm:spPr/>
      <dgm:t>
        <a:bodyPr/>
        <a:lstStyle/>
        <a:p>
          <a:r>
            <a:rPr lang="en-GB" dirty="0"/>
            <a:t>Week 4</a:t>
          </a:r>
          <a:endParaRPr lang="en-AU" dirty="0"/>
        </a:p>
      </dgm:t>
    </dgm:pt>
    <dgm:pt modelId="{9A4AC577-FB32-46A3-B851-EB61A09AD3B8}" type="parTrans" cxnId="{13126AD1-B619-429F-A486-AE5D42E9C5ED}">
      <dgm:prSet/>
      <dgm:spPr/>
      <dgm:t>
        <a:bodyPr/>
        <a:lstStyle/>
        <a:p>
          <a:endParaRPr lang="en-AU"/>
        </a:p>
      </dgm:t>
    </dgm:pt>
    <dgm:pt modelId="{92DA5B9C-E604-4C34-A9E7-42EAFD2E6ADD}" type="sibTrans" cxnId="{13126AD1-B619-429F-A486-AE5D42E9C5ED}">
      <dgm:prSet/>
      <dgm:spPr/>
      <dgm:t>
        <a:bodyPr/>
        <a:lstStyle/>
        <a:p>
          <a:endParaRPr lang="en-AU"/>
        </a:p>
      </dgm:t>
    </dgm:pt>
    <dgm:pt modelId="{3BFC4AE1-00C4-406B-BCF0-725EBC9A6F7E}">
      <dgm:prSet phldrT="[Text]"/>
      <dgm:spPr/>
      <dgm:t>
        <a:bodyPr/>
        <a:lstStyle/>
        <a:p>
          <a:r>
            <a:rPr lang="en-GB" dirty="0"/>
            <a:t>Week 5</a:t>
          </a:r>
          <a:endParaRPr lang="en-AU" dirty="0"/>
        </a:p>
      </dgm:t>
    </dgm:pt>
    <dgm:pt modelId="{ACE0E7DA-1313-461B-846F-FE628AA214FA}" type="parTrans" cxnId="{48F77FB1-1F06-48EA-9395-9CF99170697E}">
      <dgm:prSet/>
      <dgm:spPr/>
      <dgm:t>
        <a:bodyPr/>
        <a:lstStyle/>
        <a:p>
          <a:endParaRPr lang="en-AU"/>
        </a:p>
      </dgm:t>
    </dgm:pt>
    <dgm:pt modelId="{A9C30307-202E-45E9-A336-15D30A914B89}" type="sibTrans" cxnId="{48F77FB1-1F06-48EA-9395-9CF99170697E}">
      <dgm:prSet/>
      <dgm:spPr/>
      <dgm:t>
        <a:bodyPr/>
        <a:lstStyle/>
        <a:p>
          <a:endParaRPr lang="en-AU"/>
        </a:p>
      </dgm:t>
    </dgm:pt>
    <dgm:pt modelId="{2BBAD01E-A245-439E-8EFA-35F0DA56A49D}">
      <dgm:prSet phldrT="[Text]"/>
      <dgm:spPr/>
      <dgm:t>
        <a:bodyPr/>
        <a:lstStyle/>
        <a:p>
          <a:r>
            <a:rPr lang="en-GB" dirty="0"/>
            <a:t>Natural Language with PDF and Word</a:t>
          </a:r>
          <a:endParaRPr lang="en-AU" dirty="0"/>
        </a:p>
      </dgm:t>
    </dgm:pt>
    <dgm:pt modelId="{AB903524-18A1-4FB6-A4F8-C6BD458E00E8}" type="parTrans" cxnId="{C05DA6EB-C9D3-4830-B418-2065D26ADB55}">
      <dgm:prSet/>
      <dgm:spPr/>
      <dgm:t>
        <a:bodyPr/>
        <a:lstStyle/>
        <a:p>
          <a:endParaRPr lang="en-AU"/>
        </a:p>
      </dgm:t>
    </dgm:pt>
    <dgm:pt modelId="{4D871DB9-D618-4D38-BA02-754BA849AAA5}" type="sibTrans" cxnId="{C05DA6EB-C9D3-4830-B418-2065D26ADB55}">
      <dgm:prSet/>
      <dgm:spPr/>
      <dgm:t>
        <a:bodyPr/>
        <a:lstStyle/>
        <a:p>
          <a:endParaRPr lang="en-AU"/>
        </a:p>
      </dgm:t>
    </dgm:pt>
    <dgm:pt modelId="{67C5084A-0456-4D1B-BB8B-0E7DB95AF734}">
      <dgm:prSet phldrT="[Text]"/>
      <dgm:spPr/>
      <dgm:t>
        <a:bodyPr/>
        <a:lstStyle/>
        <a:p>
          <a:r>
            <a:rPr lang="en-GB" dirty="0"/>
            <a:t>Week 6</a:t>
          </a:r>
          <a:endParaRPr lang="en-AU" dirty="0"/>
        </a:p>
      </dgm:t>
    </dgm:pt>
    <dgm:pt modelId="{D1F603E4-4E32-4059-B89F-06177BA6219A}" type="parTrans" cxnId="{9CE3986E-048A-444A-8225-2B76426C610E}">
      <dgm:prSet/>
      <dgm:spPr/>
      <dgm:t>
        <a:bodyPr/>
        <a:lstStyle/>
        <a:p>
          <a:endParaRPr lang="en-AU"/>
        </a:p>
      </dgm:t>
    </dgm:pt>
    <dgm:pt modelId="{80F3BAF9-A683-4873-AFA4-7D385CBB5E67}" type="sibTrans" cxnId="{9CE3986E-048A-444A-8225-2B76426C610E}">
      <dgm:prSet/>
      <dgm:spPr/>
      <dgm:t>
        <a:bodyPr/>
        <a:lstStyle/>
        <a:p>
          <a:endParaRPr lang="en-AU"/>
        </a:p>
      </dgm:t>
    </dgm:pt>
    <dgm:pt modelId="{F0BF4722-2FEE-4EF0-902C-BC0301D08452}">
      <dgm:prSet phldrT="[Text]"/>
      <dgm:spPr/>
      <dgm:t>
        <a:bodyPr/>
        <a:lstStyle/>
        <a:p>
          <a:r>
            <a:rPr lang="en-GB" dirty="0"/>
            <a:t>Internet Scraping</a:t>
          </a:r>
          <a:endParaRPr lang="en-AU" dirty="0"/>
        </a:p>
      </dgm:t>
    </dgm:pt>
    <dgm:pt modelId="{E7E0F794-36C9-4A90-9301-777E640DB304}" type="parTrans" cxnId="{B9978099-DBCD-4ADB-8AA7-6BBE5603498F}">
      <dgm:prSet/>
      <dgm:spPr/>
      <dgm:t>
        <a:bodyPr/>
        <a:lstStyle/>
        <a:p>
          <a:endParaRPr lang="en-AU"/>
        </a:p>
      </dgm:t>
    </dgm:pt>
    <dgm:pt modelId="{C9FEDC3E-7D59-4053-82D7-B9E93FFB1577}" type="sibTrans" cxnId="{B9978099-DBCD-4ADB-8AA7-6BBE5603498F}">
      <dgm:prSet/>
      <dgm:spPr/>
      <dgm:t>
        <a:bodyPr/>
        <a:lstStyle/>
        <a:p>
          <a:endParaRPr lang="en-AU"/>
        </a:p>
      </dgm:t>
    </dgm:pt>
    <dgm:pt modelId="{3867870E-6C46-4394-96C8-60E1EF187681}">
      <dgm:prSet phldrT="[Text]"/>
      <dgm:spPr/>
      <dgm:t>
        <a:bodyPr/>
        <a:lstStyle/>
        <a:p>
          <a:r>
            <a:rPr lang="en-GB" dirty="0"/>
            <a:t>Real Time data extraction</a:t>
          </a:r>
          <a:endParaRPr lang="en-AU" dirty="0"/>
        </a:p>
      </dgm:t>
    </dgm:pt>
    <dgm:pt modelId="{6559118F-914C-43F9-8FAA-96115F9D32B3}" type="parTrans" cxnId="{DD12AC48-8095-4099-B33A-94284AC2B60A}">
      <dgm:prSet/>
      <dgm:spPr/>
      <dgm:t>
        <a:bodyPr/>
        <a:lstStyle/>
        <a:p>
          <a:endParaRPr lang="en-AU"/>
        </a:p>
      </dgm:t>
    </dgm:pt>
    <dgm:pt modelId="{CCACC6E3-352E-43AC-8480-BA2DA03AB259}" type="sibTrans" cxnId="{DD12AC48-8095-4099-B33A-94284AC2B60A}">
      <dgm:prSet/>
      <dgm:spPr/>
      <dgm:t>
        <a:bodyPr/>
        <a:lstStyle/>
        <a:p>
          <a:endParaRPr lang="en-AU"/>
        </a:p>
      </dgm:t>
    </dgm:pt>
    <dgm:pt modelId="{0298552E-EF64-4F94-9966-9CE34803928E}" type="pres">
      <dgm:prSet presAssocID="{04B1BD95-79ED-4D26-9313-B8DA847C8111}" presName="linearFlow" presStyleCnt="0">
        <dgm:presLayoutVars>
          <dgm:dir/>
          <dgm:animLvl val="lvl"/>
          <dgm:resizeHandles val="exact"/>
        </dgm:presLayoutVars>
      </dgm:prSet>
      <dgm:spPr/>
    </dgm:pt>
    <dgm:pt modelId="{258CA0D2-D569-4780-92AC-C98999645510}" type="pres">
      <dgm:prSet presAssocID="{3FC9D5B3-2A60-48BC-9043-E84F0CB239F7}" presName="composite" presStyleCnt="0"/>
      <dgm:spPr/>
    </dgm:pt>
    <dgm:pt modelId="{54FFC1C7-E4D9-4367-B6EA-1ED9ED0EA048}" type="pres">
      <dgm:prSet presAssocID="{3FC9D5B3-2A60-48BC-9043-E84F0CB239F7}" presName="parentText" presStyleLbl="alignNode1" presStyleIdx="0" presStyleCnt="6">
        <dgm:presLayoutVars>
          <dgm:chMax val="1"/>
          <dgm:bulletEnabled val="1"/>
        </dgm:presLayoutVars>
      </dgm:prSet>
      <dgm:spPr/>
    </dgm:pt>
    <dgm:pt modelId="{42695159-86EF-4009-A5A6-683B20680B31}" type="pres">
      <dgm:prSet presAssocID="{3FC9D5B3-2A60-48BC-9043-E84F0CB239F7}" presName="descendantText" presStyleLbl="alignAcc1" presStyleIdx="0" presStyleCnt="6">
        <dgm:presLayoutVars>
          <dgm:bulletEnabled val="1"/>
        </dgm:presLayoutVars>
      </dgm:prSet>
      <dgm:spPr/>
    </dgm:pt>
    <dgm:pt modelId="{D570F017-4B83-4D3E-A534-F7704615CF9C}" type="pres">
      <dgm:prSet presAssocID="{3E843098-288C-48BB-9953-2F1FCAD57921}" presName="sp" presStyleCnt="0"/>
      <dgm:spPr/>
    </dgm:pt>
    <dgm:pt modelId="{E9A79A0C-3F77-45FE-ADD5-F0739BFD9A4E}" type="pres">
      <dgm:prSet presAssocID="{429C0A11-46DA-4927-B55E-1CE8C3FB4DCC}" presName="composite" presStyleCnt="0"/>
      <dgm:spPr/>
    </dgm:pt>
    <dgm:pt modelId="{05A31968-53F0-4A2C-847C-A811716FA097}" type="pres">
      <dgm:prSet presAssocID="{429C0A11-46DA-4927-B55E-1CE8C3FB4DCC}" presName="parentText" presStyleLbl="alignNode1" presStyleIdx="1" presStyleCnt="6">
        <dgm:presLayoutVars>
          <dgm:chMax val="1"/>
          <dgm:bulletEnabled val="1"/>
        </dgm:presLayoutVars>
      </dgm:prSet>
      <dgm:spPr/>
    </dgm:pt>
    <dgm:pt modelId="{31834087-9056-41DC-BB0A-938EFACAE2C0}" type="pres">
      <dgm:prSet presAssocID="{429C0A11-46DA-4927-B55E-1CE8C3FB4DCC}" presName="descendantText" presStyleLbl="alignAcc1" presStyleIdx="1" presStyleCnt="6">
        <dgm:presLayoutVars>
          <dgm:bulletEnabled val="1"/>
        </dgm:presLayoutVars>
      </dgm:prSet>
      <dgm:spPr/>
    </dgm:pt>
    <dgm:pt modelId="{1405F726-E414-41E8-91C9-5FD1899D4195}" type="pres">
      <dgm:prSet presAssocID="{20C22964-A11A-456C-BBAF-54F70A147259}" presName="sp" presStyleCnt="0"/>
      <dgm:spPr/>
    </dgm:pt>
    <dgm:pt modelId="{BC2B61CB-6E9C-4079-9652-574D2CD96D25}" type="pres">
      <dgm:prSet presAssocID="{109DA892-455D-4257-90F7-ACF69605F5ED}" presName="composite" presStyleCnt="0"/>
      <dgm:spPr/>
    </dgm:pt>
    <dgm:pt modelId="{27609E9C-ECC7-452C-9C1B-3743E5659BB3}" type="pres">
      <dgm:prSet presAssocID="{109DA892-455D-4257-90F7-ACF69605F5ED}" presName="parentText" presStyleLbl="alignNode1" presStyleIdx="2" presStyleCnt="6">
        <dgm:presLayoutVars>
          <dgm:chMax val="1"/>
          <dgm:bulletEnabled val="1"/>
        </dgm:presLayoutVars>
      </dgm:prSet>
      <dgm:spPr/>
    </dgm:pt>
    <dgm:pt modelId="{C8A862FC-6794-4B50-B538-ECA5BA18DC11}" type="pres">
      <dgm:prSet presAssocID="{109DA892-455D-4257-90F7-ACF69605F5ED}" presName="descendantText" presStyleLbl="alignAcc1" presStyleIdx="2" presStyleCnt="6">
        <dgm:presLayoutVars>
          <dgm:bulletEnabled val="1"/>
        </dgm:presLayoutVars>
      </dgm:prSet>
      <dgm:spPr/>
    </dgm:pt>
    <dgm:pt modelId="{2D3D63D5-D66F-4F1B-A257-CA1656DDE00E}" type="pres">
      <dgm:prSet presAssocID="{7BD5A36B-C3BF-4EB8-828B-451E82FCCA9D}" presName="sp" presStyleCnt="0"/>
      <dgm:spPr/>
    </dgm:pt>
    <dgm:pt modelId="{8AA4A78F-150F-4BEF-BCD3-15877A6FB52A}" type="pres">
      <dgm:prSet presAssocID="{59CD5D17-ABC0-4440-866C-28FBE233D367}" presName="composite" presStyleCnt="0"/>
      <dgm:spPr/>
    </dgm:pt>
    <dgm:pt modelId="{91710FCE-CCCD-4322-BD4D-DB3ADAF6E9E1}" type="pres">
      <dgm:prSet presAssocID="{59CD5D17-ABC0-4440-866C-28FBE233D367}" presName="parentText" presStyleLbl="alignNode1" presStyleIdx="3" presStyleCnt="6">
        <dgm:presLayoutVars>
          <dgm:chMax val="1"/>
          <dgm:bulletEnabled val="1"/>
        </dgm:presLayoutVars>
      </dgm:prSet>
      <dgm:spPr/>
    </dgm:pt>
    <dgm:pt modelId="{D436D2AD-7E6B-4E4E-832E-ACFEC68E6025}" type="pres">
      <dgm:prSet presAssocID="{59CD5D17-ABC0-4440-866C-28FBE233D367}" presName="descendantText" presStyleLbl="alignAcc1" presStyleIdx="3" presStyleCnt="6">
        <dgm:presLayoutVars>
          <dgm:bulletEnabled val="1"/>
        </dgm:presLayoutVars>
      </dgm:prSet>
      <dgm:spPr/>
    </dgm:pt>
    <dgm:pt modelId="{D05F7761-4FB0-48E8-8DDB-9263A6A7572E}" type="pres">
      <dgm:prSet presAssocID="{92DA5B9C-E604-4C34-A9E7-42EAFD2E6ADD}" presName="sp" presStyleCnt="0"/>
      <dgm:spPr/>
    </dgm:pt>
    <dgm:pt modelId="{5455BC72-4117-44A4-BC6F-95464407D982}" type="pres">
      <dgm:prSet presAssocID="{3BFC4AE1-00C4-406B-BCF0-725EBC9A6F7E}" presName="composite" presStyleCnt="0"/>
      <dgm:spPr/>
    </dgm:pt>
    <dgm:pt modelId="{EA3510B6-F5AB-46EA-A8B8-42FB3BE0E800}" type="pres">
      <dgm:prSet presAssocID="{3BFC4AE1-00C4-406B-BCF0-725EBC9A6F7E}" presName="parentText" presStyleLbl="alignNode1" presStyleIdx="4" presStyleCnt="6">
        <dgm:presLayoutVars>
          <dgm:chMax val="1"/>
          <dgm:bulletEnabled val="1"/>
        </dgm:presLayoutVars>
      </dgm:prSet>
      <dgm:spPr/>
    </dgm:pt>
    <dgm:pt modelId="{D795E45E-ECC4-4B02-BF84-5BA76F212DE6}" type="pres">
      <dgm:prSet presAssocID="{3BFC4AE1-00C4-406B-BCF0-725EBC9A6F7E}" presName="descendantText" presStyleLbl="alignAcc1" presStyleIdx="4" presStyleCnt="6">
        <dgm:presLayoutVars>
          <dgm:bulletEnabled val="1"/>
        </dgm:presLayoutVars>
      </dgm:prSet>
      <dgm:spPr/>
    </dgm:pt>
    <dgm:pt modelId="{59AF2F4B-5BBA-40DF-8F4E-E8DBCC2C2222}" type="pres">
      <dgm:prSet presAssocID="{A9C30307-202E-45E9-A336-15D30A914B89}" presName="sp" presStyleCnt="0"/>
      <dgm:spPr/>
    </dgm:pt>
    <dgm:pt modelId="{AA49739A-3EAC-4CB1-9BC7-CCDF6C38E193}" type="pres">
      <dgm:prSet presAssocID="{67C5084A-0456-4D1B-BB8B-0E7DB95AF734}" presName="composite" presStyleCnt="0"/>
      <dgm:spPr/>
    </dgm:pt>
    <dgm:pt modelId="{F6B4174F-6C15-4CEA-AE4D-E10973859242}" type="pres">
      <dgm:prSet presAssocID="{67C5084A-0456-4D1B-BB8B-0E7DB95AF734}" presName="parentText" presStyleLbl="alignNode1" presStyleIdx="5" presStyleCnt="6">
        <dgm:presLayoutVars>
          <dgm:chMax val="1"/>
          <dgm:bulletEnabled val="1"/>
        </dgm:presLayoutVars>
      </dgm:prSet>
      <dgm:spPr/>
    </dgm:pt>
    <dgm:pt modelId="{B45D289F-596A-4401-A52C-E7E58866A1E2}" type="pres">
      <dgm:prSet presAssocID="{67C5084A-0456-4D1B-BB8B-0E7DB95AF734}" presName="descendantText" presStyleLbl="alignAcc1" presStyleIdx="5" presStyleCnt="6">
        <dgm:presLayoutVars>
          <dgm:bulletEnabled val="1"/>
        </dgm:presLayoutVars>
      </dgm:prSet>
      <dgm:spPr/>
    </dgm:pt>
  </dgm:ptLst>
  <dgm:cxnLst>
    <dgm:cxn modelId="{03CD9A06-A074-41D8-94E9-6C3643DB0D4C}" srcId="{04B1BD95-79ED-4D26-9313-B8DA847C8111}" destId="{3FC9D5B3-2A60-48BC-9043-E84F0CB239F7}" srcOrd="0" destOrd="0" parTransId="{06DCE462-3124-497A-B7A9-B863BB6076BA}" sibTransId="{3E843098-288C-48BB-9953-2F1FCAD57921}"/>
    <dgm:cxn modelId="{943A540A-6B2D-436F-BD40-5D7F554AEE3F}" type="presOf" srcId="{08787C61-ED7A-4944-B8FD-E484D4DF4333}" destId="{31834087-9056-41DC-BB0A-938EFACAE2C0}" srcOrd="0" destOrd="0" presId="urn:microsoft.com/office/officeart/2005/8/layout/chevron2"/>
    <dgm:cxn modelId="{36EBE914-C2F8-40A7-BFFE-0317B413A11C}" type="presOf" srcId="{429C0A11-46DA-4927-B55E-1CE8C3FB4DCC}" destId="{05A31968-53F0-4A2C-847C-A811716FA097}" srcOrd="0" destOrd="0" presId="urn:microsoft.com/office/officeart/2005/8/layout/chevron2"/>
    <dgm:cxn modelId="{3857DE15-CCE5-44CB-A5A0-18113CC76881}" type="presOf" srcId="{2BBAD01E-A245-439E-8EFA-35F0DA56A49D}" destId="{D436D2AD-7E6B-4E4E-832E-ACFEC68E6025}" srcOrd="0" destOrd="0" presId="urn:microsoft.com/office/officeart/2005/8/layout/chevron2"/>
    <dgm:cxn modelId="{FEF2841B-8A55-421C-884E-49CA4236E31F}" type="presOf" srcId="{04B1BD95-79ED-4D26-9313-B8DA847C8111}" destId="{0298552E-EF64-4F94-9966-9CE34803928E}" srcOrd="0" destOrd="0" presId="urn:microsoft.com/office/officeart/2005/8/layout/chevron2"/>
    <dgm:cxn modelId="{FD51A223-70F0-4064-A518-5ADAAB5D03BA}" type="presOf" srcId="{67C5084A-0456-4D1B-BB8B-0E7DB95AF734}" destId="{F6B4174F-6C15-4CEA-AE4D-E10973859242}" srcOrd="0" destOrd="0" presId="urn:microsoft.com/office/officeart/2005/8/layout/chevron2"/>
    <dgm:cxn modelId="{DD12AC48-8095-4099-B33A-94284AC2B60A}" srcId="{67C5084A-0456-4D1B-BB8B-0E7DB95AF734}" destId="{3867870E-6C46-4394-96C8-60E1EF187681}" srcOrd="0" destOrd="0" parTransId="{6559118F-914C-43F9-8FAA-96115F9D32B3}" sibTransId="{CCACC6E3-352E-43AC-8480-BA2DA03AB259}"/>
    <dgm:cxn modelId="{A4EE326C-407C-4AFF-BD5E-A8129E331E2D}" type="presOf" srcId="{3867870E-6C46-4394-96C8-60E1EF187681}" destId="{B45D289F-596A-4401-A52C-E7E58866A1E2}" srcOrd="0" destOrd="0" presId="urn:microsoft.com/office/officeart/2005/8/layout/chevron2"/>
    <dgm:cxn modelId="{9CE3986E-048A-444A-8225-2B76426C610E}" srcId="{04B1BD95-79ED-4D26-9313-B8DA847C8111}" destId="{67C5084A-0456-4D1B-BB8B-0E7DB95AF734}" srcOrd="5" destOrd="0" parTransId="{D1F603E4-4E32-4059-B89F-06177BA6219A}" sibTransId="{80F3BAF9-A683-4873-AFA4-7D385CBB5E67}"/>
    <dgm:cxn modelId="{FAB43E74-05F5-4DB6-845F-9BB6E481A4D6}" type="presOf" srcId="{59CD5D17-ABC0-4440-866C-28FBE233D367}" destId="{91710FCE-CCCD-4322-BD4D-DB3ADAF6E9E1}" srcOrd="0" destOrd="0" presId="urn:microsoft.com/office/officeart/2005/8/layout/chevron2"/>
    <dgm:cxn modelId="{ECC70E7A-9480-48F9-8DE1-5C75FF66A9F3}" type="presOf" srcId="{F0BF4722-2FEE-4EF0-902C-BC0301D08452}" destId="{D795E45E-ECC4-4B02-BF84-5BA76F212DE6}" srcOrd="0" destOrd="0" presId="urn:microsoft.com/office/officeart/2005/8/layout/chevron2"/>
    <dgm:cxn modelId="{CE77818F-2901-40F2-A03A-4F1F93809EA5}" type="presOf" srcId="{109DA892-455D-4257-90F7-ACF69605F5ED}" destId="{27609E9C-ECC7-452C-9C1B-3743E5659BB3}" srcOrd="0" destOrd="0" presId="urn:microsoft.com/office/officeart/2005/8/layout/chevron2"/>
    <dgm:cxn modelId="{3ED9FE8F-F004-40D2-9811-B1108FF4FE70}" srcId="{04B1BD95-79ED-4D26-9313-B8DA847C8111}" destId="{109DA892-455D-4257-90F7-ACF69605F5ED}" srcOrd="2" destOrd="0" parTransId="{D97F1858-70BE-4FD6-A171-A0F90DC57ADF}" sibTransId="{7BD5A36B-C3BF-4EB8-828B-451E82FCCA9D}"/>
    <dgm:cxn modelId="{B9978099-DBCD-4ADB-8AA7-6BBE5603498F}" srcId="{3BFC4AE1-00C4-406B-BCF0-725EBC9A6F7E}" destId="{F0BF4722-2FEE-4EF0-902C-BC0301D08452}" srcOrd="0" destOrd="0" parTransId="{E7E0F794-36C9-4A90-9301-777E640DB304}" sibTransId="{C9FEDC3E-7D59-4053-82D7-B9E93FFB1577}"/>
    <dgm:cxn modelId="{F4905CA3-D629-46D6-955F-590E692C81FC}" srcId="{04B1BD95-79ED-4D26-9313-B8DA847C8111}" destId="{429C0A11-46DA-4927-B55E-1CE8C3FB4DCC}" srcOrd="1" destOrd="0" parTransId="{E9F5D34F-A8C0-4024-BDAF-B2F2650107C3}" sibTransId="{20C22964-A11A-456C-BBAF-54F70A147259}"/>
    <dgm:cxn modelId="{B2F8C9A5-8C66-444D-923E-6911B69C61D9}" srcId="{429C0A11-46DA-4927-B55E-1CE8C3FB4DCC}" destId="{08787C61-ED7A-4944-B8FD-E484D4DF4333}" srcOrd="0" destOrd="0" parTransId="{064D2748-CFC3-48C3-A3D8-EFAB946C7BCE}" sibTransId="{C67369AA-5C04-4033-9550-170C58EE3CAA}"/>
    <dgm:cxn modelId="{E0A95DA7-736D-4E78-B076-C86484DEB61B}" type="presOf" srcId="{D7B13BE6-7EE7-424A-AD3B-153A954CCCE1}" destId="{42695159-86EF-4009-A5A6-683B20680B31}" srcOrd="0" destOrd="0" presId="urn:microsoft.com/office/officeart/2005/8/layout/chevron2"/>
    <dgm:cxn modelId="{48F77FB1-1F06-48EA-9395-9CF99170697E}" srcId="{04B1BD95-79ED-4D26-9313-B8DA847C8111}" destId="{3BFC4AE1-00C4-406B-BCF0-725EBC9A6F7E}" srcOrd="4" destOrd="0" parTransId="{ACE0E7DA-1313-461B-846F-FE628AA214FA}" sibTransId="{A9C30307-202E-45E9-A336-15D30A914B89}"/>
    <dgm:cxn modelId="{287E18B4-45C8-40A9-A4D4-2CCB4D4952F2}" srcId="{3FC9D5B3-2A60-48BC-9043-E84F0CB239F7}" destId="{D7B13BE6-7EE7-424A-AD3B-153A954CCCE1}" srcOrd="0" destOrd="0" parTransId="{BBE40010-5E70-4710-A08D-AE2BF81CF31F}" sibTransId="{97F6D87F-D699-4EC7-933A-E6FF58271B07}"/>
    <dgm:cxn modelId="{18C404BA-CBCD-4AFC-AA09-07F835B69017}" type="presOf" srcId="{3FC9D5B3-2A60-48BC-9043-E84F0CB239F7}" destId="{54FFC1C7-E4D9-4367-B6EA-1ED9ED0EA048}" srcOrd="0" destOrd="0" presId="urn:microsoft.com/office/officeart/2005/8/layout/chevron2"/>
    <dgm:cxn modelId="{13126AD1-B619-429F-A486-AE5D42E9C5ED}" srcId="{04B1BD95-79ED-4D26-9313-B8DA847C8111}" destId="{59CD5D17-ABC0-4440-866C-28FBE233D367}" srcOrd="3" destOrd="0" parTransId="{9A4AC577-FB32-46A3-B851-EB61A09AD3B8}" sibTransId="{92DA5B9C-E604-4C34-A9E7-42EAFD2E6ADD}"/>
    <dgm:cxn modelId="{D5DB22E0-594E-4510-9979-E4F5641CAE67}" type="presOf" srcId="{7BF70DEF-2A97-4117-89DF-9F2E35915907}" destId="{C8A862FC-6794-4B50-B538-ECA5BA18DC11}" srcOrd="0" destOrd="0" presId="urn:microsoft.com/office/officeart/2005/8/layout/chevron2"/>
    <dgm:cxn modelId="{C05DA6EB-C9D3-4830-B418-2065D26ADB55}" srcId="{59CD5D17-ABC0-4440-866C-28FBE233D367}" destId="{2BBAD01E-A245-439E-8EFA-35F0DA56A49D}" srcOrd="0" destOrd="0" parTransId="{AB903524-18A1-4FB6-A4F8-C6BD458E00E8}" sibTransId="{4D871DB9-D618-4D38-BA02-754BA849AAA5}"/>
    <dgm:cxn modelId="{A54FA0F6-8AC0-4652-93D5-F1F203685249}" type="presOf" srcId="{3BFC4AE1-00C4-406B-BCF0-725EBC9A6F7E}" destId="{EA3510B6-F5AB-46EA-A8B8-42FB3BE0E800}" srcOrd="0" destOrd="0" presId="urn:microsoft.com/office/officeart/2005/8/layout/chevron2"/>
    <dgm:cxn modelId="{EDF55BFB-A00E-4EE5-80E5-8147633F665D}" srcId="{109DA892-455D-4257-90F7-ACF69605F5ED}" destId="{7BF70DEF-2A97-4117-89DF-9F2E35915907}" srcOrd="0" destOrd="0" parTransId="{9B8D820D-6980-430A-B2D8-CFCA735002D1}" sibTransId="{82D0D7AD-2C91-43B0-84A5-81318630086B}"/>
    <dgm:cxn modelId="{95E4B3CE-54B2-461B-9162-B1B1A190E9F9}" type="presParOf" srcId="{0298552E-EF64-4F94-9966-9CE34803928E}" destId="{258CA0D2-D569-4780-92AC-C98999645510}" srcOrd="0" destOrd="0" presId="urn:microsoft.com/office/officeart/2005/8/layout/chevron2"/>
    <dgm:cxn modelId="{1BBFBE6B-8D4B-406D-B7B3-5BBE728A0201}" type="presParOf" srcId="{258CA0D2-D569-4780-92AC-C98999645510}" destId="{54FFC1C7-E4D9-4367-B6EA-1ED9ED0EA048}" srcOrd="0" destOrd="0" presId="urn:microsoft.com/office/officeart/2005/8/layout/chevron2"/>
    <dgm:cxn modelId="{531C99F0-7E62-480D-B265-02352CEAEB64}" type="presParOf" srcId="{258CA0D2-D569-4780-92AC-C98999645510}" destId="{42695159-86EF-4009-A5A6-683B20680B31}" srcOrd="1" destOrd="0" presId="urn:microsoft.com/office/officeart/2005/8/layout/chevron2"/>
    <dgm:cxn modelId="{CD1394E1-2CE3-47AF-8AB3-D7EA3A9897D9}" type="presParOf" srcId="{0298552E-EF64-4F94-9966-9CE34803928E}" destId="{D570F017-4B83-4D3E-A534-F7704615CF9C}" srcOrd="1" destOrd="0" presId="urn:microsoft.com/office/officeart/2005/8/layout/chevron2"/>
    <dgm:cxn modelId="{DB6A5667-3A65-4E17-97B2-1C982308EFF1}" type="presParOf" srcId="{0298552E-EF64-4F94-9966-9CE34803928E}" destId="{E9A79A0C-3F77-45FE-ADD5-F0739BFD9A4E}" srcOrd="2" destOrd="0" presId="urn:microsoft.com/office/officeart/2005/8/layout/chevron2"/>
    <dgm:cxn modelId="{7F9FA1A8-C62A-45C0-9040-243F9F1A2E8E}" type="presParOf" srcId="{E9A79A0C-3F77-45FE-ADD5-F0739BFD9A4E}" destId="{05A31968-53F0-4A2C-847C-A811716FA097}" srcOrd="0" destOrd="0" presId="urn:microsoft.com/office/officeart/2005/8/layout/chevron2"/>
    <dgm:cxn modelId="{0726C20C-664E-4630-B0E5-D583FB052742}" type="presParOf" srcId="{E9A79A0C-3F77-45FE-ADD5-F0739BFD9A4E}" destId="{31834087-9056-41DC-BB0A-938EFACAE2C0}" srcOrd="1" destOrd="0" presId="urn:microsoft.com/office/officeart/2005/8/layout/chevron2"/>
    <dgm:cxn modelId="{7BBEBAA3-1F5E-4028-8B57-BC472B6BFFB8}" type="presParOf" srcId="{0298552E-EF64-4F94-9966-9CE34803928E}" destId="{1405F726-E414-41E8-91C9-5FD1899D4195}" srcOrd="3" destOrd="0" presId="urn:microsoft.com/office/officeart/2005/8/layout/chevron2"/>
    <dgm:cxn modelId="{6A433A9B-88DF-4274-BD17-1813F9A03CB1}" type="presParOf" srcId="{0298552E-EF64-4F94-9966-9CE34803928E}" destId="{BC2B61CB-6E9C-4079-9652-574D2CD96D25}" srcOrd="4" destOrd="0" presId="urn:microsoft.com/office/officeart/2005/8/layout/chevron2"/>
    <dgm:cxn modelId="{2A987583-0463-41B1-B0DA-F181B022D4C1}" type="presParOf" srcId="{BC2B61CB-6E9C-4079-9652-574D2CD96D25}" destId="{27609E9C-ECC7-452C-9C1B-3743E5659BB3}" srcOrd="0" destOrd="0" presId="urn:microsoft.com/office/officeart/2005/8/layout/chevron2"/>
    <dgm:cxn modelId="{C3C921E1-37E3-4C22-855D-BEFB995F4F1E}" type="presParOf" srcId="{BC2B61CB-6E9C-4079-9652-574D2CD96D25}" destId="{C8A862FC-6794-4B50-B538-ECA5BA18DC11}" srcOrd="1" destOrd="0" presId="urn:microsoft.com/office/officeart/2005/8/layout/chevron2"/>
    <dgm:cxn modelId="{75534BCA-4B7F-446B-8583-A9052A21F201}" type="presParOf" srcId="{0298552E-EF64-4F94-9966-9CE34803928E}" destId="{2D3D63D5-D66F-4F1B-A257-CA1656DDE00E}" srcOrd="5" destOrd="0" presId="urn:microsoft.com/office/officeart/2005/8/layout/chevron2"/>
    <dgm:cxn modelId="{6B143092-A1CD-4060-B68D-80CEF6090250}" type="presParOf" srcId="{0298552E-EF64-4F94-9966-9CE34803928E}" destId="{8AA4A78F-150F-4BEF-BCD3-15877A6FB52A}" srcOrd="6" destOrd="0" presId="urn:microsoft.com/office/officeart/2005/8/layout/chevron2"/>
    <dgm:cxn modelId="{DB3C3A85-DB55-48E9-AB08-0F98453E14FC}" type="presParOf" srcId="{8AA4A78F-150F-4BEF-BCD3-15877A6FB52A}" destId="{91710FCE-CCCD-4322-BD4D-DB3ADAF6E9E1}" srcOrd="0" destOrd="0" presId="urn:microsoft.com/office/officeart/2005/8/layout/chevron2"/>
    <dgm:cxn modelId="{D6D0E4E5-62E6-4633-8DC0-77BA22B2AC67}" type="presParOf" srcId="{8AA4A78F-150F-4BEF-BCD3-15877A6FB52A}" destId="{D436D2AD-7E6B-4E4E-832E-ACFEC68E6025}" srcOrd="1" destOrd="0" presId="urn:microsoft.com/office/officeart/2005/8/layout/chevron2"/>
    <dgm:cxn modelId="{A5AE7B90-F542-43B5-A1D1-983D6C1F3F98}" type="presParOf" srcId="{0298552E-EF64-4F94-9966-9CE34803928E}" destId="{D05F7761-4FB0-48E8-8DDB-9263A6A7572E}" srcOrd="7" destOrd="0" presId="urn:microsoft.com/office/officeart/2005/8/layout/chevron2"/>
    <dgm:cxn modelId="{F40A1F53-10BD-4173-832A-3D75141A5023}" type="presParOf" srcId="{0298552E-EF64-4F94-9966-9CE34803928E}" destId="{5455BC72-4117-44A4-BC6F-95464407D982}" srcOrd="8" destOrd="0" presId="urn:microsoft.com/office/officeart/2005/8/layout/chevron2"/>
    <dgm:cxn modelId="{110FA12F-0E73-4CB9-9C42-F071C4D93EEC}" type="presParOf" srcId="{5455BC72-4117-44A4-BC6F-95464407D982}" destId="{EA3510B6-F5AB-46EA-A8B8-42FB3BE0E800}" srcOrd="0" destOrd="0" presId="urn:microsoft.com/office/officeart/2005/8/layout/chevron2"/>
    <dgm:cxn modelId="{B0AA90F6-0DE5-4098-B394-AE2B07AA6396}" type="presParOf" srcId="{5455BC72-4117-44A4-BC6F-95464407D982}" destId="{D795E45E-ECC4-4B02-BF84-5BA76F212DE6}" srcOrd="1" destOrd="0" presId="urn:microsoft.com/office/officeart/2005/8/layout/chevron2"/>
    <dgm:cxn modelId="{212D625F-5FED-4BF7-A330-186A1DF48A2A}" type="presParOf" srcId="{0298552E-EF64-4F94-9966-9CE34803928E}" destId="{59AF2F4B-5BBA-40DF-8F4E-E8DBCC2C2222}" srcOrd="9" destOrd="0" presId="urn:microsoft.com/office/officeart/2005/8/layout/chevron2"/>
    <dgm:cxn modelId="{DA0ECD08-8B7F-4DE8-9B2E-4070D36BCAC1}" type="presParOf" srcId="{0298552E-EF64-4F94-9966-9CE34803928E}" destId="{AA49739A-3EAC-4CB1-9BC7-CCDF6C38E193}" srcOrd="10" destOrd="0" presId="urn:microsoft.com/office/officeart/2005/8/layout/chevron2"/>
    <dgm:cxn modelId="{2FA5EEB2-CC38-4A2C-8FC5-BC6847B2A6A5}" type="presParOf" srcId="{AA49739A-3EAC-4CB1-9BC7-CCDF6C38E193}" destId="{F6B4174F-6C15-4CEA-AE4D-E10973859242}" srcOrd="0" destOrd="0" presId="urn:microsoft.com/office/officeart/2005/8/layout/chevron2"/>
    <dgm:cxn modelId="{65C99B66-9657-4728-B2A4-9DF6901BB44A}" type="presParOf" srcId="{AA49739A-3EAC-4CB1-9BC7-CCDF6C38E193}" destId="{B45D289F-596A-4401-A52C-E7E58866A1E2}" srcOrd="1" destOrd="0" presId="urn:microsoft.com/office/officeart/2005/8/layout/chevron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E23E56F-815F-4E4F-AAD0-C1543A1888E0}">
      <dsp:nvSpPr>
        <dsp:cNvPr id="0" name=""/>
        <dsp:cNvSpPr/>
      </dsp:nvSpPr>
      <dsp:spPr>
        <a:xfrm>
          <a:off x="1991359" y="40639"/>
          <a:ext cx="2113280" cy="2113280"/>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r>
            <a:rPr lang="en-GB" sz="1700" kern="1200" dirty="0"/>
            <a:t>BIM</a:t>
          </a:r>
          <a:endParaRPr lang="en-AU" sz="1700" kern="1200" dirty="0"/>
        </a:p>
      </dsp:txBody>
      <dsp:txXfrm>
        <a:off x="2235200" y="325119"/>
        <a:ext cx="1625600" cy="670560"/>
      </dsp:txXfrm>
    </dsp:sp>
    <dsp:sp modelId="{2679FD64-86BF-42FC-B5C0-C708C89965BF}">
      <dsp:nvSpPr>
        <dsp:cNvPr id="0" name=""/>
        <dsp:cNvSpPr/>
      </dsp:nvSpPr>
      <dsp:spPr>
        <a:xfrm>
          <a:off x="2926080" y="975359"/>
          <a:ext cx="2113280" cy="2113280"/>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r>
            <a:rPr lang="en-GB" sz="1700" kern="1200" dirty="0"/>
            <a:t>GIS</a:t>
          </a:r>
          <a:endParaRPr lang="en-AU" sz="1700" kern="1200" dirty="0"/>
        </a:p>
      </dsp:txBody>
      <dsp:txXfrm>
        <a:off x="4064000" y="1219200"/>
        <a:ext cx="812800" cy="1625600"/>
      </dsp:txXfrm>
    </dsp:sp>
    <dsp:sp modelId="{123B877E-A1AC-4510-8DCE-491B883BE4BE}">
      <dsp:nvSpPr>
        <dsp:cNvPr id="0" name=""/>
        <dsp:cNvSpPr/>
      </dsp:nvSpPr>
      <dsp:spPr>
        <a:xfrm>
          <a:off x="1991359" y="1910080"/>
          <a:ext cx="2113280" cy="2113280"/>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r>
            <a:rPr lang="en-GB" sz="1700" kern="1200" dirty="0"/>
            <a:t>ACD</a:t>
          </a:r>
          <a:endParaRPr lang="en-AU" sz="1700" kern="1200" dirty="0"/>
        </a:p>
      </dsp:txBody>
      <dsp:txXfrm>
        <a:off x="2235200" y="3068320"/>
        <a:ext cx="1625600" cy="670560"/>
      </dsp:txXfrm>
    </dsp:sp>
    <dsp:sp modelId="{C962DC8B-63FB-47A0-8CE5-FAB8955EC820}">
      <dsp:nvSpPr>
        <dsp:cNvPr id="0" name=""/>
        <dsp:cNvSpPr/>
      </dsp:nvSpPr>
      <dsp:spPr>
        <a:xfrm>
          <a:off x="1056640" y="975359"/>
          <a:ext cx="2113280" cy="2113280"/>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r>
            <a:rPr lang="en-GB" sz="1700" kern="1200" dirty="0"/>
            <a:t>Data Science</a:t>
          </a:r>
          <a:endParaRPr lang="en-AU" sz="1700" kern="1200" dirty="0"/>
        </a:p>
      </dsp:txBody>
      <dsp:txXfrm>
        <a:off x="1219200" y="1219200"/>
        <a:ext cx="812800" cy="162560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4FFC1C7-E4D9-4367-B6EA-1ED9ED0EA048}">
      <dsp:nvSpPr>
        <dsp:cNvPr id="0" name=""/>
        <dsp:cNvSpPr/>
      </dsp:nvSpPr>
      <dsp:spPr>
        <a:xfrm rot="5400000">
          <a:off x="-114002" y="116401"/>
          <a:ext cx="760015" cy="532010"/>
        </a:xfrm>
        <a:prstGeom prst="chevron">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GB" sz="1200" kern="1200" dirty="0"/>
            <a:t>Week 1</a:t>
          </a:r>
          <a:endParaRPr lang="en-AU" sz="1200" kern="1200" dirty="0"/>
        </a:p>
      </dsp:txBody>
      <dsp:txXfrm rot="-5400000">
        <a:off x="1" y="268403"/>
        <a:ext cx="532010" cy="228005"/>
      </dsp:txXfrm>
    </dsp:sp>
    <dsp:sp modelId="{42695159-86EF-4009-A5A6-683B20680B31}">
      <dsp:nvSpPr>
        <dsp:cNvPr id="0" name=""/>
        <dsp:cNvSpPr/>
      </dsp:nvSpPr>
      <dsp:spPr>
        <a:xfrm rot="5400000">
          <a:off x="3067000" y="-2532590"/>
          <a:ext cx="494010" cy="5563989"/>
        </a:xfrm>
        <a:prstGeom prst="round2Same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56464" tIns="13970" rIns="13970" bIns="13970" numCol="1" spcCol="1270" anchor="ctr" anchorCtr="0">
          <a:noAutofit/>
        </a:bodyPr>
        <a:lstStyle/>
        <a:p>
          <a:pPr marL="228600" lvl="1" indent="-228600" algn="l" defTabSz="977900">
            <a:lnSpc>
              <a:spcPct val="90000"/>
            </a:lnSpc>
            <a:spcBef>
              <a:spcPct val="0"/>
            </a:spcBef>
            <a:spcAft>
              <a:spcPct val="15000"/>
            </a:spcAft>
            <a:buChar char="•"/>
          </a:pPr>
          <a:r>
            <a:rPr lang="en-GB" sz="2200" kern="1200" dirty="0"/>
            <a:t>Coding Process Overview</a:t>
          </a:r>
          <a:endParaRPr lang="en-AU" sz="2200" kern="1200" dirty="0"/>
        </a:p>
      </dsp:txBody>
      <dsp:txXfrm rot="-5400000">
        <a:off x="532011" y="26515"/>
        <a:ext cx="5539873" cy="445778"/>
      </dsp:txXfrm>
    </dsp:sp>
    <dsp:sp modelId="{05A31968-53F0-4A2C-847C-A811716FA097}">
      <dsp:nvSpPr>
        <dsp:cNvPr id="0" name=""/>
        <dsp:cNvSpPr/>
      </dsp:nvSpPr>
      <dsp:spPr>
        <a:xfrm rot="5400000">
          <a:off x="-114002" y="776238"/>
          <a:ext cx="760015" cy="532010"/>
        </a:xfrm>
        <a:prstGeom prst="chevron">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GB" sz="1200" kern="1200" dirty="0"/>
            <a:t>Week 2</a:t>
          </a:r>
          <a:endParaRPr lang="en-AU" sz="1200" kern="1200" dirty="0"/>
        </a:p>
      </dsp:txBody>
      <dsp:txXfrm rot="-5400000">
        <a:off x="1" y="928240"/>
        <a:ext cx="532010" cy="228005"/>
      </dsp:txXfrm>
    </dsp:sp>
    <dsp:sp modelId="{31834087-9056-41DC-BB0A-938EFACAE2C0}">
      <dsp:nvSpPr>
        <dsp:cNvPr id="0" name=""/>
        <dsp:cNvSpPr/>
      </dsp:nvSpPr>
      <dsp:spPr>
        <a:xfrm rot="5400000">
          <a:off x="3067000" y="-1872753"/>
          <a:ext cx="494010" cy="5563989"/>
        </a:xfrm>
        <a:prstGeom prst="round2Same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56464" tIns="13970" rIns="13970" bIns="13970" numCol="1" spcCol="1270" anchor="ctr" anchorCtr="0">
          <a:noAutofit/>
        </a:bodyPr>
        <a:lstStyle/>
        <a:p>
          <a:pPr marL="228600" lvl="1" indent="-228600" algn="l" defTabSz="977900">
            <a:lnSpc>
              <a:spcPct val="90000"/>
            </a:lnSpc>
            <a:spcBef>
              <a:spcPct val="0"/>
            </a:spcBef>
            <a:spcAft>
              <a:spcPct val="15000"/>
            </a:spcAft>
            <a:buChar char="•"/>
          </a:pPr>
          <a:r>
            <a:rPr lang="en-GB" sz="2200" kern="1200" dirty="0"/>
            <a:t>Computer Vision</a:t>
          </a:r>
          <a:endParaRPr lang="en-AU" sz="2200" kern="1200" dirty="0"/>
        </a:p>
      </dsp:txBody>
      <dsp:txXfrm rot="-5400000">
        <a:off x="532011" y="686352"/>
        <a:ext cx="5539873" cy="445778"/>
      </dsp:txXfrm>
    </dsp:sp>
    <dsp:sp modelId="{27609E9C-ECC7-452C-9C1B-3743E5659BB3}">
      <dsp:nvSpPr>
        <dsp:cNvPr id="0" name=""/>
        <dsp:cNvSpPr/>
      </dsp:nvSpPr>
      <dsp:spPr>
        <a:xfrm rot="5400000">
          <a:off x="-114002" y="1436075"/>
          <a:ext cx="760015" cy="532010"/>
        </a:xfrm>
        <a:prstGeom prst="chevron">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GB" sz="1200" kern="1200" dirty="0"/>
            <a:t>Week 3</a:t>
          </a:r>
          <a:endParaRPr lang="en-AU" sz="1200" kern="1200" dirty="0"/>
        </a:p>
      </dsp:txBody>
      <dsp:txXfrm rot="-5400000">
        <a:off x="1" y="1588077"/>
        <a:ext cx="532010" cy="228005"/>
      </dsp:txXfrm>
    </dsp:sp>
    <dsp:sp modelId="{C8A862FC-6794-4B50-B538-ECA5BA18DC11}">
      <dsp:nvSpPr>
        <dsp:cNvPr id="0" name=""/>
        <dsp:cNvSpPr/>
      </dsp:nvSpPr>
      <dsp:spPr>
        <a:xfrm rot="5400000">
          <a:off x="3067000" y="-1212915"/>
          <a:ext cx="494010" cy="5563989"/>
        </a:xfrm>
        <a:prstGeom prst="round2Same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56464" tIns="13970" rIns="13970" bIns="13970" numCol="1" spcCol="1270" anchor="ctr" anchorCtr="0">
          <a:noAutofit/>
        </a:bodyPr>
        <a:lstStyle/>
        <a:p>
          <a:pPr marL="228600" lvl="1" indent="-228600" algn="l" defTabSz="977900">
            <a:lnSpc>
              <a:spcPct val="90000"/>
            </a:lnSpc>
            <a:spcBef>
              <a:spcPct val="0"/>
            </a:spcBef>
            <a:spcAft>
              <a:spcPct val="15000"/>
            </a:spcAft>
            <a:buChar char="•"/>
          </a:pPr>
          <a:r>
            <a:rPr lang="en-GB" sz="2200" kern="1200" dirty="0"/>
            <a:t>Excel Manipulation and Data Processing</a:t>
          </a:r>
          <a:endParaRPr lang="en-AU" sz="2200" kern="1200" dirty="0"/>
        </a:p>
      </dsp:txBody>
      <dsp:txXfrm rot="-5400000">
        <a:off x="532011" y="1346190"/>
        <a:ext cx="5539873" cy="445778"/>
      </dsp:txXfrm>
    </dsp:sp>
    <dsp:sp modelId="{91710FCE-CCCD-4322-BD4D-DB3ADAF6E9E1}">
      <dsp:nvSpPr>
        <dsp:cNvPr id="0" name=""/>
        <dsp:cNvSpPr/>
      </dsp:nvSpPr>
      <dsp:spPr>
        <a:xfrm rot="5400000">
          <a:off x="-114002" y="2095913"/>
          <a:ext cx="760015" cy="532010"/>
        </a:xfrm>
        <a:prstGeom prst="chevron">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GB" sz="1200" kern="1200" dirty="0"/>
            <a:t>Week 4</a:t>
          </a:r>
          <a:endParaRPr lang="en-AU" sz="1200" kern="1200" dirty="0"/>
        </a:p>
      </dsp:txBody>
      <dsp:txXfrm rot="-5400000">
        <a:off x="1" y="2247915"/>
        <a:ext cx="532010" cy="228005"/>
      </dsp:txXfrm>
    </dsp:sp>
    <dsp:sp modelId="{D436D2AD-7E6B-4E4E-832E-ACFEC68E6025}">
      <dsp:nvSpPr>
        <dsp:cNvPr id="0" name=""/>
        <dsp:cNvSpPr/>
      </dsp:nvSpPr>
      <dsp:spPr>
        <a:xfrm rot="5400000">
          <a:off x="3067000" y="-553078"/>
          <a:ext cx="494010" cy="5563989"/>
        </a:xfrm>
        <a:prstGeom prst="round2Same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56464" tIns="13970" rIns="13970" bIns="13970" numCol="1" spcCol="1270" anchor="ctr" anchorCtr="0">
          <a:noAutofit/>
        </a:bodyPr>
        <a:lstStyle/>
        <a:p>
          <a:pPr marL="228600" lvl="1" indent="-228600" algn="l" defTabSz="977900">
            <a:lnSpc>
              <a:spcPct val="90000"/>
            </a:lnSpc>
            <a:spcBef>
              <a:spcPct val="0"/>
            </a:spcBef>
            <a:spcAft>
              <a:spcPct val="15000"/>
            </a:spcAft>
            <a:buChar char="•"/>
          </a:pPr>
          <a:r>
            <a:rPr lang="en-GB" sz="2200" kern="1200" dirty="0"/>
            <a:t>Natural Language with PDF and Word</a:t>
          </a:r>
          <a:endParaRPr lang="en-AU" sz="2200" kern="1200" dirty="0"/>
        </a:p>
      </dsp:txBody>
      <dsp:txXfrm rot="-5400000">
        <a:off x="532011" y="2006027"/>
        <a:ext cx="5539873" cy="445778"/>
      </dsp:txXfrm>
    </dsp:sp>
    <dsp:sp modelId="{EA3510B6-F5AB-46EA-A8B8-42FB3BE0E800}">
      <dsp:nvSpPr>
        <dsp:cNvPr id="0" name=""/>
        <dsp:cNvSpPr/>
      </dsp:nvSpPr>
      <dsp:spPr>
        <a:xfrm rot="5400000">
          <a:off x="-114002" y="2755750"/>
          <a:ext cx="760015" cy="532010"/>
        </a:xfrm>
        <a:prstGeom prst="chevron">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GB" sz="1200" kern="1200" dirty="0"/>
            <a:t>Week 5</a:t>
          </a:r>
          <a:endParaRPr lang="en-AU" sz="1200" kern="1200" dirty="0"/>
        </a:p>
      </dsp:txBody>
      <dsp:txXfrm rot="-5400000">
        <a:off x="1" y="2907752"/>
        <a:ext cx="532010" cy="228005"/>
      </dsp:txXfrm>
    </dsp:sp>
    <dsp:sp modelId="{D795E45E-ECC4-4B02-BF84-5BA76F212DE6}">
      <dsp:nvSpPr>
        <dsp:cNvPr id="0" name=""/>
        <dsp:cNvSpPr/>
      </dsp:nvSpPr>
      <dsp:spPr>
        <a:xfrm rot="5400000">
          <a:off x="3067000" y="106758"/>
          <a:ext cx="494010" cy="5563989"/>
        </a:xfrm>
        <a:prstGeom prst="round2Same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56464" tIns="13970" rIns="13970" bIns="13970" numCol="1" spcCol="1270" anchor="ctr" anchorCtr="0">
          <a:noAutofit/>
        </a:bodyPr>
        <a:lstStyle/>
        <a:p>
          <a:pPr marL="228600" lvl="1" indent="-228600" algn="l" defTabSz="977900">
            <a:lnSpc>
              <a:spcPct val="90000"/>
            </a:lnSpc>
            <a:spcBef>
              <a:spcPct val="0"/>
            </a:spcBef>
            <a:spcAft>
              <a:spcPct val="15000"/>
            </a:spcAft>
            <a:buChar char="•"/>
          </a:pPr>
          <a:r>
            <a:rPr lang="en-GB" sz="2200" kern="1200" dirty="0"/>
            <a:t>Internet Scraping</a:t>
          </a:r>
          <a:endParaRPr lang="en-AU" sz="2200" kern="1200" dirty="0"/>
        </a:p>
      </dsp:txBody>
      <dsp:txXfrm rot="-5400000">
        <a:off x="532011" y="2665863"/>
        <a:ext cx="5539873" cy="445778"/>
      </dsp:txXfrm>
    </dsp:sp>
    <dsp:sp modelId="{F6B4174F-6C15-4CEA-AE4D-E10973859242}">
      <dsp:nvSpPr>
        <dsp:cNvPr id="0" name=""/>
        <dsp:cNvSpPr/>
      </dsp:nvSpPr>
      <dsp:spPr>
        <a:xfrm rot="5400000">
          <a:off x="-114002" y="3415587"/>
          <a:ext cx="760015" cy="532010"/>
        </a:xfrm>
        <a:prstGeom prst="chevron">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GB" sz="1200" kern="1200" dirty="0"/>
            <a:t>Week 6</a:t>
          </a:r>
          <a:endParaRPr lang="en-AU" sz="1200" kern="1200" dirty="0"/>
        </a:p>
      </dsp:txBody>
      <dsp:txXfrm rot="-5400000">
        <a:off x="1" y="3567589"/>
        <a:ext cx="532010" cy="228005"/>
      </dsp:txXfrm>
    </dsp:sp>
    <dsp:sp modelId="{B45D289F-596A-4401-A52C-E7E58866A1E2}">
      <dsp:nvSpPr>
        <dsp:cNvPr id="0" name=""/>
        <dsp:cNvSpPr/>
      </dsp:nvSpPr>
      <dsp:spPr>
        <a:xfrm rot="5400000">
          <a:off x="3067000" y="766595"/>
          <a:ext cx="494010" cy="5563989"/>
        </a:xfrm>
        <a:prstGeom prst="round2Same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56464" tIns="13970" rIns="13970" bIns="13970" numCol="1" spcCol="1270" anchor="ctr" anchorCtr="0">
          <a:noAutofit/>
        </a:bodyPr>
        <a:lstStyle/>
        <a:p>
          <a:pPr marL="228600" lvl="1" indent="-228600" algn="l" defTabSz="977900">
            <a:lnSpc>
              <a:spcPct val="90000"/>
            </a:lnSpc>
            <a:spcBef>
              <a:spcPct val="0"/>
            </a:spcBef>
            <a:spcAft>
              <a:spcPct val="15000"/>
            </a:spcAft>
            <a:buChar char="•"/>
          </a:pPr>
          <a:r>
            <a:rPr lang="en-GB" sz="2200" kern="1200" dirty="0"/>
            <a:t>Real Time data extraction</a:t>
          </a:r>
          <a:endParaRPr lang="en-AU" sz="2200" kern="1200" dirty="0"/>
        </a:p>
      </dsp:txBody>
      <dsp:txXfrm rot="-5400000">
        <a:off x="532011" y="3325700"/>
        <a:ext cx="5539873" cy="445778"/>
      </dsp:txXfrm>
    </dsp:sp>
  </dsp:spTree>
</dsp:drawing>
</file>

<file path=ppt/diagrams/layout1.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381300" y="685800"/>
            <a:ext cx="6096075"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lstStyle>
            <a:lvl1pPr marL="457200" lvl="0" indent="-298450">
              <a:spcBef>
                <a:spcPts val="0"/>
              </a:spcBef>
              <a:spcAft>
                <a:spcPts val="0"/>
              </a:spcAft>
              <a:buSzPts val="1100"/>
              <a:buChar char="●"/>
              <a:defRPr sz="1100"/>
            </a:lvl1pPr>
            <a:lvl2pPr marL="914400" lvl="1" indent="-298450">
              <a:spcBef>
                <a:spcPts val="0"/>
              </a:spcBef>
              <a:spcAft>
                <a:spcPts val="0"/>
              </a:spcAft>
              <a:buSzPts val="1100"/>
              <a:buChar char="○"/>
              <a:defRPr sz="1100"/>
            </a:lvl2pPr>
            <a:lvl3pPr marL="1371600" lvl="2" indent="-298450">
              <a:spcBef>
                <a:spcPts val="0"/>
              </a:spcBef>
              <a:spcAft>
                <a:spcPts val="0"/>
              </a:spcAft>
              <a:buSzPts val="1100"/>
              <a:buChar char="■"/>
              <a:defRPr sz="1100"/>
            </a:lvl3pPr>
            <a:lvl4pPr marL="1828800" lvl="3" indent="-298450">
              <a:spcBef>
                <a:spcPts val="0"/>
              </a:spcBef>
              <a:spcAft>
                <a:spcPts val="0"/>
              </a:spcAft>
              <a:buSzPts val="1100"/>
              <a:buChar char="●"/>
              <a:defRPr sz="1100"/>
            </a:lvl4pPr>
            <a:lvl5pPr marL="2286000" lvl="4" indent="-298450">
              <a:spcBef>
                <a:spcPts val="0"/>
              </a:spcBef>
              <a:spcAft>
                <a:spcPts val="0"/>
              </a:spcAft>
              <a:buSzPts val="1100"/>
              <a:buChar char="○"/>
              <a:defRPr sz="1100"/>
            </a:lvl5pPr>
            <a:lvl6pPr marL="2743200" lvl="5" indent="-298450">
              <a:spcBef>
                <a:spcPts val="0"/>
              </a:spcBef>
              <a:spcAft>
                <a:spcPts val="0"/>
              </a:spcAft>
              <a:buSzPts val="1100"/>
              <a:buChar char="■"/>
              <a:defRPr sz="1100"/>
            </a:lvl6pPr>
            <a:lvl7pPr marL="3200400" lvl="6" indent="-298450">
              <a:spcBef>
                <a:spcPts val="0"/>
              </a:spcBef>
              <a:spcAft>
                <a:spcPts val="0"/>
              </a:spcAft>
              <a:buSzPts val="1100"/>
              <a:buChar char="●"/>
              <a:defRPr sz="1100"/>
            </a:lvl7pPr>
            <a:lvl8pPr marL="3657600" lvl="7" indent="-298450">
              <a:spcBef>
                <a:spcPts val="0"/>
              </a:spcBef>
              <a:spcAft>
                <a:spcPts val="0"/>
              </a:spcAft>
              <a:buSzPts val="1100"/>
              <a:buChar char="○"/>
              <a:defRPr sz="1100"/>
            </a:lvl8pPr>
            <a:lvl9pPr marL="4114800" lvl="8" indent="-298450">
              <a:spcBef>
                <a:spcPts val="0"/>
              </a:spcBef>
              <a:spcAft>
                <a:spcPts val="0"/>
              </a:spcAft>
              <a:buSzPts val="1100"/>
              <a:buChar char="■"/>
              <a:defRPr sz="1100"/>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59"/>
        <p:cNvGrpSpPr/>
        <p:nvPr/>
      </p:nvGrpSpPr>
      <p:grpSpPr>
        <a:xfrm>
          <a:off x="0" y="0"/>
          <a:ext cx="0" cy="0"/>
          <a:chOff x="0" y="0"/>
          <a:chExt cx="0" cy="0"/>
        </a:xfrm>
      </p:grpSpPr>
      <p:sp>
        <p:nvSpPr>
          <p:cNvPr id="360" name="Google Shape;360;g4d0c677a09_2_303:notes"/>
          <p:cNvSpPr txBox="1">
            <a:spLocks noGrp="1"/>
          </p:cNvSpPr>
          <p:nvPr>
            <p:ph type="body" idx="1"/>
          </p:nvPr>
        </p:nvSpPr>
        <p:spPr>
          <a:xfrm>
            <a:off x="685802" y="4400556"/>
            <a:ext cx="5486410" cy="3600455"/>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r>
              <a:rPr lang="en-GB" dirty="0"/>
              <a:t>Welcome</a:t>
            </a:r>
          </a:p>
          <a:p>
            <a:pPr marL="0" lvl="0" indent="0" algn="l" rtl="0">
              <a:spcBef>
                <a:spcPts val="0"/>
              </a:spcBef>
              <a:spcAft>
                <a:spcPts val="0"/>
              </a:spcAft>
              <a:buNone/>
            </a:pPr>
            <a:r>
              <a:rPr lang="en-GB" dirty="0"/>
              <a:t>Intro Me</a:t>
            </a:r>
          </a:p>
          <a:p>
            <a:pPr marL="0" lvl="0" indent="0" algn="l" rtl="0">
              <a:spcBef>
                <a:spcPts val="0"/>
              </a:spcBef>
              <a:spcAft>
                <a:spcPts val="0"/>
              </a:spcAft>
              <a:buNone/>
            </a:pPr>
            <a:r>
              <a:rPr lang="en-GB" dirty="0"/>
              <a:t>Intro to the presentation – </a:t>
            </a:r>
          </a:p>
          <a:p>
            <a:pPr marL="0" lvl="0" indent="0" algn="l" rtl="0">
              <a:spcBef>
                <a:spcPts val="0"/>
              </a:spcBef>
              <a:spcAft>
                <a:spcPts val="0"/>
              </a:spcAft>
              <a:buNone/>
            </a:pPr>
            <a:r>
              <a:rPr lang="en-GB" dirty="0"/>
              <a:t>	Overview of what Coding/ programming is.</a:t>
            </a:r>
          </a:p>
          <a:p>
            <a:pPr marL="0" lvl="0" indent="0" algn="l" rtl="0">
              <a:spcBef>
                <a:spcPts val="0"/>
              </a:spcBef>
              <a:spcAft>
                <a:spcPts val="0"/>
              </a:spcAft>
              <a:buNone/>
            </a:pPr>
            <a:r>
              <a:rPr lang="en-GB" dirty="0"/>
              <a:t>	How this links into our strategic priorities for the region</a:t>
            </a:r>
          </a:p>
          <a:p>
            <a:pPr marL="0" lvl="0" indent="0" algn="l" rtl="0">
              <a:spcBef>
                <a:spcPts val="0"/>
              </a:spcBef>
              <a:spcAft>
                <a:spcPts val="0"/>
              </a:spcAft>
              <a:buNone/>
            </a:pPr>
            <a:r>
              <a:rPr lang="en-GB" dirty="0"/>
              <a:t>	The ACD Team and their role in supporting these initiatives</a:t>
            </a:r>
          </a:p>
          <a:p>
            <a:pPr marL="0" lvl="0" indent="0" algn="l" rtl="0">
              <a:spcBef>
                <a:spcPts val="0"/>
              </a:spcBef>
              <a:spcAft>
                <a:spcPts val="0"/>
              </a:spcAft>
              <a:buNone/>
            </a:pPr>
            <a:r>
              <a:rPr lang="en-GB" dirty="0"/>
              <a:t>	The Re launch of Coding Clubs for 2021</a:t>
            </a:r>
          </a:p>
          <a:p>
            <a:pPr marL="0" lvl="0" indent="0" algn="l" rtl="0">
              <a:spcBef>
                <a:spcPts val="0"/>
              </a:spcBef>
              <a:spcAft>
                <a:spcPts val="0"/>
              </a:spcAft>
              <a:buNone/>
            </a:pPr>
            <a:r>
              <a:rPr lang="en-GB" dirty="0"/>
              <a:t>	</a:t>
            </a:r>
          </a:p>
          <a:p>
            <a:pPr marL="0" lvl="0" indent="0" algn="l" rtl="0">
              <a:spcBef>
                <a:spcPts val="0"/>
              </a:spcBef>
              <a:spcAft>
                <a:spcPts val="0"/>
              </a:spcAft>
              <a:buNone/>
            </a:pPr>
            <a:r>
              <a:rPr lang="en-GB" dirty="0"/>
              <a:t>	</a:t>
            </a:r>
            <a:endParaRPr dirty="0"/>
          </a:p>
        </p:txBody>
      </p:sp>
      <p:sp>
        <p:nvSpPr>
          <p:cNvPr id="361" name="Google Shape;361;g4d0c677a09_2_303:notes"/>
          <p:cNvSpPr>
            <a:spLocks noGrp="1" noRot="1" noChangeAspect="1"/>
          </p:cNvSpPr>
          <p:nvPr>
            <p:ph type="sldImg" idx="2"/>
          </p:nvPr>
        </p:nvSpPr>
        <p:spPr>
          <a:xfrm>
            <a:off x="687388" y="1143000"/>
            <a:ext cx="5483225" cy="3084513"/>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285750" indent="-285750">
              <a:buFont typeface="Arial" panose="020B0604020202020204" pitchFamily="34" charset="0"/>
              <a:buChar char="•"/>
            </a:pPr>
            <a:r>
              <a:rPr lang="en-US"/>
              <a:t>Introduction to Coding Club 2021 (10 min)</a:t>
            </a:r>
          </a:p>
          <a:p>
            <a:pPr marL="720000" lvl="1" indent="-285750">
              <a:buFont typeface="Arial" panose="020B0604020202020204" pitchFamily="34" charset="0"/>
              <a:buChar char="•"/>
            </a:pPr>
            <a:r>
              <a:rPr lang="en-US"/>
              <a:t>Motivation / objectives, how it will run, target audience, upcoming topics (dynamo) </a:t>
            </a:r>
          </a:p>
          <a:p>
            <a:endParaRPr lang="en-AU"/>
          </a:p>
        </p:txBody>
      </p:sp>
    </p:spTree>
    <p:extLst>
      <p:ext uri="{BB962C8B-B14F-4D97-AF65-F5344CB8AC3E}">
        <p14:creationId xmlns:p14="http://schemas.microsoft.com/office/powerpoint/2010/main" val="6465461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285750" lvl="2" indent="-285750">
              <a:buFont typeface="Arial" panose="020B0604020202020204" pitchFamily="34" charset="0"/>
              <a:buChar char="•"/>
            </a:pPr>
            <a:r>
              <a:rPr lang="en-US"/>
              <a:t>Python (10 min)</a:t>
            </a:r>
          </a:p>
          <a:p>
            <a:pPr marL="720000" lvl="2" indent="-285750">
              <a:buFont typeface="Arial" panose="020B0604020202020204" pitchFamily="34" charset="0"/>
              <a:buChar char="•"/>
            </a:pPr>
            <a:r>
              <a:rPr lang="en-US"/>
              <a:t>What is it, history, why python, open source, libraries</a:t>
            </a:r>
          </a:p>
          <a:p>
            <a:pPr marL="720000" lvl="2" indent="-285750">
              <a:buFont typeface="Arial" panose="020B0604020202020204" pitchFamily="34" charset="0"/>
              <a:buChar char="•"/>
            </a:pPr>
            <a:r>
              <a:rPr lang="en-US"/>
              <a:t>Capabilities, practical uses, examples</a:t>
            </a:r>
          </a:p>
          <a:p>
            <a:endParaRPr lang="en-AU"/>
          </a:p>
        </p:txBody>
      </p:sp>
    </p:spTree>
    <p:extLst>
      <p:ext uri="{BB962C8B-B14F-4D97-AF65-F5344CB8AC3E}">
        <p14:creationId xmlns:p14="http://schemas.microsoft.com/office/powerpoint/2010/main" val="420375980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GB" dirty="0"/>
              <a:t>Automating the placement of structural members in a stadium design</a:t>
            </a:r>
          </a:p>
          <a:p>
            <a:r>
              <a:rPr lang="en-GB" dirty="0"/>
              <a:t>Needed ability to update the placement of members quickly and easily</a:t>
            </a:r>
          </a:p>
          <a:p>
            <a:pPr lvl="1"/>
            <a:r>
              <a:rPr lang="en-GB" dirty="0"/>
              <a:t>Sightlines, Seating, aisle widths etc.</a:t>
            </a:r>
          </a:p>
          <a:p>
            <a:r>
              <a:rPr lang="en-GB" dirty="0"/>
              <a:t>For This project in New Zealand, we needed to be able to update the model and drawings quickly, and potentially late in the design process due to late changes or additional information.</a:t>
            </a:r>
          </a:p>
          <a:p>
            <a:r>
              <a:rPr lang="en-GB" dirty="0"/>
              <a:t>Value</a:t>
            </a:r>
          </a:p>
          <a:p>
            <a:pPr lvl="1"/>
            <a:r>
              <a:rPr lang="en-GB" dirty="0"/>
              <a:t>Up-Front time and effort required to develop the script</a:t>
            </a:r>
          </a:p>
          <a:p>
            <a:pPr lvl="1"/>
            <a:r>
              <a:rPr lang="en-GB" dirty="0"/>
              <a:t>Solution is developed once, but has flexibility to adapt to change</a:t>
            </a:r>
          </a:p>
          <a:p>
            <a:pPr lvl="1"/>
            <a:r>
              <a:rPr lang="en-GB" dirty="0"/>
              <a:t>Making changes to the model can be achieved in hours rather than days/ weeks.</a:t>
            </a:r>
          </a:p>
          <a:p>
            <a:pPr lvl="1"/>
            <a:r>
              <a:rPr lang="en-GB" dirty="0"/>
              <a:t>Bring the client on the journey</a:t>
            </a:r>
          </a:p>
          <a:p>
            <a:pPr lvl="1"/>
            <a:endParaRPr lang="en-GB" dirty="0"/>
          </a:p>
        </p:txBody>
      </p:sp>
    </p:spTree>
    <p:extLst>
      <p:ext uri="{BB962C8B-B14F-4D97-AF65-F5344CB8AC3E}">
        <p14:creationId xmlns:p14="http://schemas.microsoft.com/office/powerpoint/2010/main" val="45081991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GB" dirty="0"/>
              <a:t>Example shared by team in Sydney office</a:t>
            </a:r>
          </a:p>
          <a:p>
            <a:r>
              <a:rPr lang="en-GB" dirty="0"/>
              <a:t>Shows ground movement due to excavation</a:t>
            </a:r>
          </a:p>
          <a:p>
            <a:r>
              <a:rPr lang="en-GB" dirty="0"/>
              <a:t>Black – Excavation</a:t>
            </a:r>
          </a:p>
          <a:p>
            <a:r>
              <a:rPr lang="en-GB" dirty="0"/>
              <a:t>Red – Damaged building due to excavation</a:t>
            </a:r>
          </a:p>
          <a:p>
            <a:r>
              <a:rPr lang="en-GB" dirty="0"/>
              <a:t>Green – No effect from excavation</a:t>
            </a:r>
          </a:p>
          <a:p>
            <a:endParaRPr lang="en-GB" dirty="0"/>
          </a:p>
          <a:p>
            <a:r>
              <a:rPr lang="en-GB" dirty="0"/>
              <a:t>Value:</a:t>
            </a:r>
          </a:p>
          <a:p>
            <a:r>
              <a:rPr lang="en-AU" dirty="0"/>
              <a:t>Script was able to be optimised to speed up processing</a:t>
            </a:r>
          </a:p>
          <a:p>
            <a:r>
              <a:rPr lang="en-AU" dirty="0"/>
              <a:t>Adaptable and </a:t>
            </a:r>
            <a:r>
              <a:rPr lang="en-AU" dirty="0" err="1"/>
              <a:t>scaleable</a:t>
            </a:r>
            <a:r>
              <a:rPr lang="en-AU" dirty="0"/>
              <a:t> if new data provided</a:t>
            </a:r>
          </a:p>
          <a:p>
            <a:r>
              <a:rPr lang="en-AU" dirty="0"/>
              <a:t>Model can be re-run quickly, and results output in minutes or hours, rather then days or weeks.</a:t>
            </a:r>
          </a:p>
          <a:p>
            <a:endParaRPr lang="en-AU" dirty="0"/>
          </a:p>
        </p:txBody>
      </p:sp>
    </p:spTree>
    <p:extLst>
      <p:ext uri="{BB962C8B-B14F-4D97-AF65-F5344CB8AC3E}">
        <p14:creationId xmlns:p14="http://schemas.microsoft.com/office/powerpoint/2010/main" val="126394956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457200" marR="0" lvl="0" indent="-298450" algn="l" defTabSz="914400" rtl="0" eaLnBrk="1" fontAlgn="auto" latinLnBrk="0" hangingPunct="1">
              <a:lnSpc>
                <a:spcPct val="100000"/>
              </a:lnSpc>
              <a:spcBef>
                <a:spcPts val="0"/>
              </a:spcBef>
              <a:spcAft>
                <a:spcPts val="0"/>
              </a:spcAft>
              <a:buClr>
                <a:srgbClr val="000000"/>
              </a:buClr>
              <a:buSzPts val="1100"/>
              <a:buFont typeface="Arial"/>
              <a:buChar char="●"/>
              <a:tabLst/>
              <a:defRPr/>
            </a:pPr>
            <a:r>
              <a:rPr lang="en-GB" dirty="0"/>
              <a:t>borehole, based on </a:t>
            </a:r>
            <a:r>
              <a:rPr lang="en-GB" dirty="0" err="1"/>
              <a:t>Pells</a:t>
            </a:r>
            <a:r>
              <a:rPr lang="en-GB" dirty="0"/>
              <a:t> classification system for Sydney shale and sandstone</a:t>
            </a:r>
          </a:p>
          <a:p>
            <a:r>
              <a:rPr lang="en-GB" dirty="0"/>
              <a:t>based on various thresholds for fracture spacing, unconfined compressive strength and seam thickness</a:t>
            </a:r>
          </a:p>
        </p:txBody>
      </p:sp>
    </p:spTree>
    <p:extLst>
      <p:ext uri="{BB962C8B-B14F-4D97-AF65-F5344CB8AC3E}">
        <p14:creationId xmlns:p14="http://schemas.microsoft.com/office/powerpoint/2010/main" val="105664459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AU" dirty="0"/>
          </a:p>
        </p:txBody>
      </p:sp>
    </p:spTree>
    <p:extLst>
      <p:ext uri="{BB962C8B-B14F-4D97-AF65-F5344CB8AC3E}">
        <p14:creationId xmlns:p14="http://schemas.microsoft.com/office/powerpoint/2010/main" val="27519655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GB" dirty="0"/>
              <a:t>Example provided by team in QLD – Automating the layout of structural steel in a structure</a:t>
            </a:r>
          </a:p>
          <a:p>
            <a:r>
              <a:rPr lang="en-GB" dirty="0"/>
              <a:t>Grasshopper is another visual programming tool</a:t>
            </a:r>
          </a:p>
          <a:p>
            <a:r>
              <a:rPr lang="en-GB" dirty="0"/>
              <a:t>Image on the left is the canvas – individual nodes – each one a command or series of commands</a:t>
            </a:r>
          </a:p>
          <a:p>
            <a:r>
              <a:rPr lang="en-GB" dirty="0"/>
              <a:t>Inputs and outputs</a:t>
            </a:r>
          </a:p>
          <a:p>
            <a:r>
              <a:rPr lang="en-GB" dirty="0"/>
              <a:t>Linked together by the connectors</a:t>
            </a:r>
          </a:p>
          <a:p>
            <a:endParaRPr lang="en-GB" dirty="0"/>
          </a:p>
          <a:p>
            <a:r>
              <a:rPr lang="en-GB" dirty="0"/>
              <a:t>Value:</a:t>
            </a:r>
          </a:p>
          <a:p>
            <a:endParaRPr lang="en-GB" dirty="0"/>
          </a:p>
        </p:txBody>
      </p:sp>
    </p:spTree>
    <p:extLst>
      <p:ext uri="{BB962C8B-B14F-4D97-AF65-F5344CB8AC3E}">
        <p14:creationId xmlns:p14="http://schemas.microsoft.com/office/powerpoint/2010/main" val="261308996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457200" marR="0" lvl="0" indent="-298450" algn="l" defTabSz="914400" rtl="0" eaLnBrk="1" fontAlgn="auto" latinLnBrk="0" hangingPunct="1">
              <a:lnSpc>
                <a:spcPct val="100000"/>
              </a:lnSpc>
              <a:spcBef>
                <a:spcPts val="0"/>
              </a:spcBef>
              <a:spcAft>
                <a:spcPts val="0"/>
              </a:spcAft>
              <a:buClr>
                <a:srgbClr val="000000"/>
              </a:buClr>
              <a:buSzPts val="1100"/>
              <a:buFont typeface="Arial"/>
              <a:buChar char="●"/>
              <a:tabLst/>
              <a:defRPr/>
            </a:pPr>
            <a:r>
              <a:rPr lang="en-GB" dirty="0"/>
              <a:t>Link back to APNA Strategic priorities</a:t>
            </a:r>
          </a:p>
          <a:p>
            <a:endParaRPr lang="en-AU" dirty="0"/>
          </a:p>
        </p:txBody>
      </p:sp>
    </p:spTree>
    <p:extLst>
      <p:ext uri="{BB962C8B-B14F-4D97-AF65-F5344CB8AC3E}">
        <p14:creationId xmlns:p14="http://schemas.microsoft.com/office/powerpoint/2010/main" val="340808779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158750" indent="0">
              <a:buNone/>
            </a:pPr>
            <a:r>
              <a:rPr lang="en-GB" dirty="0"/>
              <a:t>So far.</a:t>
            </a:r>
          </a:p>
          <a:p>
            <a:r>
              <a:rPr lang="en-GB" dirty="0"/>
              <a:t>Given a brief overview of what programming/ coding is and why we do it.</a:t>
            </a:r>
          </a:p>
          <a:p>
            <a:r>
              <a:rPr lang="en-GB" dirty="0"/>
              <a:t>Also talked about why its important for us at MM.</a:t>
            </a:r>
          </a:p>
          <a:p>
            <a:r>
              <a:rPr lang="en-GB" dirty="0"/>
              <a:t>So how is the ACD team supporting you wit this?</a:t>
            </a:r>
          </a:p>
          <a:p>
            <a:endParaRPr lang="en-GB" dirty="0"/>
          </a:p>
          <a:p>
            <a:r>
              <a:rPr lang="en-GB" dirty="0"/>
              <a:t>Not a new thing to Mott Macdonald. These have been run across officed for a number of years</a:t>
            </a:r>
          </a:p>
          <a:p>
            <a:r>
              <a:rPr lang="en-GB" dirty="0"/>
              <a:t>This year – consolidated approach, targeting key development objectives – Python and Dynamo.</a:t>
            </a:r>
          </a:p>
          <a:p>
            <a:r>
              <a:rPr lang="en-GB" dirty="0"/>
              <a:t>Robust, training program, led by our own Leaders in the field</a:t>
            </a:r>
          </a:p>
          <a:p>
            <a:r>
              <a:rPr lang="en-GB" dirty="0"/>
              <a:t>Intended to upskill beginners, and to push the boundaries for advanced practitioners</a:t>
            </a:r>
          </a:p>
          <a:p>
            <a:endParaRPr lang="en-AU" dirty="0"/>
          </a:p>
        </p:txBody>
      </p:sp>
    </p:spTree>
    <p:extLst>
      <p:ext uri="{BB962C8B-B14F-4D97-AF65-F5344CB8AC3E}">
        <p14:creationId xmlns:p14="http://schemas.microsoft.com/office/powerpoint/2010/main" val="57742486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GB" dirty="0"/>
              <a:t>Plan will be to have a presenter in each office presenting the content</a:t>
            </a:r>
          </a:p>
          <a:p>
            <a:r>
              <a:rPr lang="en-GB" dirty="0"/>
              <a:t>We will aim to have support people present also – people with  a basic understanding of the coding language being worked on</a:t>
            </a:r>
          </a:p>
          <a:p>
            <a:r>
              <a:rPr lang="en-AU" dirty="0"/>
              <a:t>Aim to have 2 presenters per office to share the responsibility</a:t>
            </a:r>
          </a:p>
        </p:txBody>
      </p:sp>
    </p:spTree>
    <p:extLst>
      <p:ext uri="{BB962C8B-B14F-4D97-AF65-F5344CB8AC3E}">
        <p14:creationId xmlns:p14="http://schemas.microsoft.com/office/powerpoint/2010/main" val="132831713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158750" indent="0">
              <a:buNone/>
            </a:pPr>
            <a:r>
              <a:rPr lang="en-GB" dirty="0"/>
              <a:t>Ref slide recently shown – APNA Strategic priorities</a:t>
            </a:r>
          </a:p>
          <a:p>
            <a:pPr marL="158750" indent="0">
              <a:buNone/>
            </a:pPr>
            <a:r>
              <a:rPr lang="en-GB" dirty="0"/>
              <a:t>Key theme – Digital – Work Smarter, Not harder. What does this mean?</a:t>
            </a:r>
          </a:p>
          <a:p>
            <a:pPr marL="158750" indent="0">
              <a:buNone/>
            </a:pPr>
            <a:r>
              <a:rPr lang="en-GB" dirty="0"/>
              <a:t>Leverage automation, let the computers do the repetitive work – We can focus on the real problems.</a:t>
            </a:r>
          </a:p>
          <a:p>
            <a:pPr marL="158750" indent="0">
              <a:buNone/>
            </a:pPr>
            <a:r>
              <a:rPr lang="en-GB" dirty="0"/>
              <a:t>Pockets of excellence across offices in Australia, and globally</a:t>
            </a:r>
          </a:p>
          <a:p>
            <a:pPr marL="158750" indent="0">
              <a:buNone/>
            </a:pPr>
            <a:r>
              <a:rPr lang="en-GB" dirty="0"/>
              <a:t>Advanced Computational Design Team are here to support the wider MM team</a:t>
            </a:r>
          </a:p>
          <a:p>
            <a:pPr marL="158750" indent="0">
              <a:buNone/>
            </a:pPr>
            <a:endParaRPr lang="en-AU" dirty="0"/>
          </a:p>
        </p:txBody>
      </p:sp>
    </p:spTree>
    <p:extLst>
      <p:ext uri="{BB962C8B-B14F-4D97-AF65-F5344CB8AC3E}">
        <p14:creationId xmlns:p14="http://schemas.microsoft.com/office/powerpoint/2010/main" val="230981331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GB" dirty="0"/>
              <a:t>1 – How to code from cradle to grave</a:t>
            </a:r>
          </a:p>
          <a:p>
            <a:r>
              <a:rPr lang="en-GB" dirty="0"/>
              <a:t>2 – </a:t>
            </a:r>
            <a:r>
              <a:rPr lang="en-GB" sz="1100" b="0" i="0" u="none" strike="noStrike" cap="none" dirty="0">
                <a:solidFill>
                  <a:srgbClr val="000000"/>
                </a:solidFill>
                <a:effectLst/>
                <a:latin typeface="Arial"/>
                <a:ea typeface="Arial"/>
                <a:cs typeface="Arial"/>
                <a:sym typeface="Arial"/>
              </a:rPr>
              <a:t>enables computers to derive meaningful information from digital images – reviewing a set of drawings for example</a:t>
            </a:r>
          </a:p>
          <a:p>
            <a:r>
              <a:rPr lang="en-GB" sz="1100" b="0" i="0" u="none" strike="noStrike" cap="none" dirty="0">
                <a:solidFill>
                  <a:srgbClr val="000000"/>
                </a:solidFill>
                <a:effectLst/>
                <a:latin typeface="Arial"/>
                <a:cs typeface="Arial"/>
                <a:sym typeface="Arial"/>
              </a:rPr>
              <a:t>3 – Compile design data from multiple sources</a:t>
            </a:r>
          </a:p>
          <a:p>
            <a:r>
              <a:rPr lang="en-GB" sz="1100" b="0" i="0" u="none" strike="noStrike" cap="none" dirty="0">
                <a:solidFill>
                  <a:srgbClr val="000000"/>
                </a:solidFill>
                <a:effectLst/>
                <a:latin typeface="Arial"/>
                <a:cs typeface="Arial"/>
                <a:sym typeface="Arial"/>
              </a:rPr>
              <a:t>4 – Automated text search and interpretation</a:t>
            </a:r>
          </a:p>
          <a:p>
            <a:r>
              <a:rPr lang="en-GB" sz="1100" b="0" i="0" u="none" strike="noStrike" cap="none" dirty="0">
                <a:solidFill>
                  <a:srgbClr val="000000"/>
                </a:solidFill>
                <a:effectLst/>
                <a:latin typeface="Arial"/>
                <a:cs typeface="Arial"/>
                <a:sym typeface="Arial"/>
              </a:rPr>
              <a:t>5 – Online data searching, reviewing and downloading</a:t>
            </a:r>
          </a:p>
          <a:p>
            <a:r>
              <a:rPr lang="en-GB" sz="1100" b="0" i="0" u="none" strike="noStrike" cap="none" dirty="0">
                <a:solidFill>
                  <a:srgbClr val="000000"/>
                </a:solidFill>
                <a:effectLst/>
                <a:latin typeface="Arial"/>
                <a:cs typeface="Arial"/>
                <a:sym typeface="Arial"/>
              </a:rPr>
              <a:t>6 – Live data dashboard from multiple sources</a:t>
            </a:r>
          </a:p>
          <a:p>
            <a:endParaRPr lang="en-GB" sz="1100" b="0" i="0" u="none" strike="noStrike" cap="none" dirty="0">
              <a:solidFill>
                <a:srgbClr val="000000"/>
              </a:solidFill>
              <a:effectLst/>
              <a:latin typeface="Arial"/>
              <a:cs typeface="Arial"/>
              <a:sym typeface="Arial"/>
            </a:endParaRPr>
          </a:p>
          <a:p>
            <a:endParaRPr lang="en-AU" dirty="0"/>
          </a:p>
        </p:txBody>
      </p:sp>
    </p:spTree>
    <p:extLst>
      <p:ext uri="{BB962C8B-B14F-4D97-AF65-F5344CB8AC3E}">
        <p14:creationId xmlns:p14="http://schemas.microsoft.com/office/powerpoint/2010/main" val="139071744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285750" indent="-285750">
              <a:buFont typeface="Arial" panose="020B0604020202020204" pitchFamily="34" charset="0"/>
              <a:buChar char="•"/>
            </a:pPr>
            <a:r>
              <a:rPr lang="en-US" dirty="0"/>
              <a:t>Python x6 sessions (10 min)</a:t>
            </a:r>
          </a:p>
          <a:p>
            <a:pPr marL="720000" indent="-285750">
              <a:buFont typeface="Arial" panose="020B0604020202020204" pitchFamily="34" charset="0"/>
              <a:buChar char="•"/>
            </a:pPr>
            <a:r>
              <a:rPr lang="en-US" dirty="0"/>
              <a:t>Syllabus, structure, duration</a:t>
            </a:r>
          </a:p>
          <a:p>
            <a:pPr marL="720000" indent="-285750">
              <a:buFont typeface="Arial" panose="020B0604020202020204" pitchFamily="34" charset="0"/>
              <a:buChar char="•"/>
            </a:pPr>
            <a:r>
              <a:rPr lang="en-US" dirty="0"/>
              <a:t>Separable, implementable, non-technical + technical</a:t>
            </a:r>
          </a:p>
          <a:p>
            <a:pPr marL="720000" indent="-285750">
              <a:buFont typeface="Arial" panose="020B0604020202020204" pitchFamily="34" charset="0"/>
              <a:buChar char="•"/>
            </a:pPr>
            <a:r>
              <a:rPr lang="en-US" dirty="0"/>
              <a:t>Season 2</a:t>
            </a:r>
          </a:p>
          <a:p>
            <a:pPr marL="342900" indent="-342900">
              <a:buFont typeface="Wingdings" panose="05000000000000000000" pitchFamily="2" charset="2"/>
              <a:buChar char="§"/>
            </a:pPr>
            <a:r>
              <a:rPr lang="en-GB" dirty="0"/>
              <a:t>Aim to have minimum 2 presenters/ facilitators per office to alternate responsibility</a:t>
            </a:r>
          </a:p>
          <a:p>
            <a:pPr marL="342900" indent="-342900">
              <a:buFont typeface="Wingdings" panose="05000000000000000000" pitchFamily="2" charset="2"/>
              <a:buChar char="§"/>
            </a:pPr>
            <a:r>
              <a:rPr lang="en-GB" dirty="0"/>
              <a:t>Ideally sessions are run in person</a:t>
            </a:r>
          </a:p>
          <a:p>
            <a:pPr marL="342900" indent="-342900">
              <a:buFont typeface="Wingdings" panose="05000000000000000000" pitchFamily="2" charset="2"/>
              <a:buChar char="§"/>
            </a:pPr>
            <a:r>
              <a:rPr lang="en-GB" dirty="0"/>
              <a:t>Virtual sessions capped to 90 minutes duration</a:t>
            </a:r>
          </a:p>
          <a:p>
            <a:pPr marL="342900" indent="-342900">
              <a:buFont typeface="Wingdings" panose="05000000000000000000" pitchFamily="2" charset="2"/>
              <a:buChar char="§"/>
            </a:pPr>
            <a:endParaRPr lang="en-GB" dirty="0"/>
          </a:p>
          <a:p>
            <a:endParaRPr lang="en-AU" dirty="0"/>
          </a:p>
        </p:txBody>
      </p:sp>
    </p:spTree>
    <p:extLst>
      <p:ext uri="{BB962C8B-B14F-4D97-AF65-F5344CB8AC3E}">
        <p14:creationId xmlns:p14="http://schemas.microsoft.com/office/powerpoint/2010/main" val="99462259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GB" dirty="0"/>
              <a:t>For details or questions feel free to reach out to me,</a:t>
            </a:r>
          </a:p>
          <a:p>
            <a:r>
              <a:rPr lang="en-GB" dirty="0"/>
              <a:t>Alternatively your office support people</a:t>
            </a:r>
            <a:endParaRPr lang="en-AU" dirty="0"/>
          </a:p>
        </p:txBody>
      </p:sp>
    </p:spTree>
    <p:extLst>
      <p:ext uri="{BB962C8B-B14F-4D97-AF65-F5344CB8AC3E}">
        <p14:creationId xmlns:p14="http://schemas.microsoft.com/office/powerpoint/2010/main" val="289687159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AU" dirty="0"/>
          </a:p>
        </p:txBody>
      </p:sp>
    </p:spTree>
    <p:extLst>
      <p:ext uri="{BB962C8B-B14F-4D97-AF65-F5344CB8AC3E}">
        <p14:creationId xmlns:p14="http://schemas.microsoft.com/office/powerpoint/2010/main" val="463776140"/>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59"/>
        <p:cNvGrpSpPr/>
        <p:nvPr/>
      </p:nvGrpSpPr>
      <p:grpSpPr>
        <a:xfrm>
          <a:off x="0" y="0"/>
          <a:ext cx="0" cy="0"/>
          <a:chOff x="0" y="0"/>
          <a:chExt cx="0" cy="0"/>
        </a:xfrm>
      </p:grpSpPr>
      <p:sp>
        <p:nvSpPr>
          <p:cNvPr id="360" name="Google Shape;360;g4d0c677a09_2_303:notes"/>
          <p:cNvSpPr txBox="1">
            <a:spLocks noGrp="1"/>
          </p:cNvSpPr>
          <p:nvPr>
            <p:ph type="body" idx="1"/>
          </p:nvPr>
        </p:nvSpPr>
        <p:spPr>
          <a:xfrm>
            <a:off x="685802" y="4400556"/>
            <a:ext cx="5486410" cy="3600455"/>
          </a:xfrm>
          <a:prstGeom prst="rect">
            <a:avLst/>
          </a:prstGeom>
        </p:spPr>
        <p:txBody>
          <a:bodyPr spcFirstLastPara="1" wrap="square" lIns="91425" tIns="91425" rIns="91425" bIns="91425" anchor="t" anchorCtr="0">
            <a:noAutofit/>
          </a:bodyPr>
          <a:lstStyle/>
          <a:p>
            <a:pPr marL="0" marR="0" lvl="0" indent="0" algn="l" defTabSz="914400" rtl="0" eaLnBrk="1" fontAlgn="auto" latinLnBrk="0" hangingPunct="1">
              <a:lnSpc>
                <a:spcPct val="100000"/>
              </a:lnSpc>
              <a:spcBef>
                <a:spcPts val="0"/>
              </a:spcBef>
              <a:spcAft>
                <a:spcPts val="0"/>
              </a:spcAft>
              <a:buClr>
                <a:srgbClr val="000000"/>
              </a:buClr>
              <a:buSzPts val="1100"/>
              <a:buFont typeface="Arial"/>
              <a:buNone/>
              <a:tabLst/>
              <a:defRPr/>
            </a:pPr>
            <a:endParaRPr dirty="0"/>
          </a:p>
        </p:txBody>
      </p:sp>
      <p:sp>
        <p:nvSpPr>
          <p:cNvPr id="361" name="Google Shape;361;g4d0c677a09_2_303:notes"/>
          <p:cNvSpPr>
            <a:spLocks noGrp="1" noRot="1" noChangeAspect="1"/>
          </p:cNvSpPr>
          <p:nvPr>
            <p:ph type="sldImg" idx="2"/>
          </p:nvPr>
        </p:nvSpPr>
        <p:spPr>
          <a:xfrm>
            <a:off x="687388" y="1143000"/>
            <a:ext cx="5483225" cy="3084513"/>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220811434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GB" dirty="0"/>
              <a:t>DDN – Digital Delivery Network</a:t>
            </a:r>
          </a:p>
          <a:p>
            <a:r>
              <a:rPr lang="en-US" sz="1100" dirty="0"/>
              <a:t>Driving Digital Capability via Training &amp; Professional Development across all Sectors, Practices &amp; Disciplines</a:t>
            </a:r>
            <a:endParaRPr lang="en-GB" dirty="0"/>
          </a:p>
          <a:p>
            <a:r>
              <a:rPr lang="en-GB" dirty="0"/>
              <a:t>4 Communities – All complement each other</a:t>
            </a:r>
          </a:p>
          <a:p>
            <a:r>
              <a:rPr lang="en-GB" dirty="0"/>
              <a:t>Lots of overlap between them</a:t>
            </a:r>
          </a:p>
          <a:p>
            <a:endParaRPr lang="en-AU" dirty="0"/>
          </a:p>
        </p:txBody>
      </p:sp>
    </p:spTree>
    <p:extLst>
      <p:ext uri="{BB962C8B-B14F-4D97-AF65-F5344CB8AC3E}">
        <p14:creationId xmlns:p14="http://schemas.microsoft.com/office/powerpoint/2010/main" val="235661483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457200" marR="0" lvl="0" indent="-298450" algn="l" defTabSz="914400" rtl="0" eaLnBrk="1" fontAlgn="auto" latinLnBrk="0" hangingPunct="1">
              <a:lnSpc>
                <a:spcPct val="100000"/>
              </a:lnSpc>
              <a:spcBef>
                <a:spcPts val="0"/>
              </a:spcBef>
              <a:spcAft>
                <a:spcPts val="0"/>
              </a:spcAft>
              <a:buClr>
                <a:srgbClr val="000000"/>
              </a:buClr>
              <a:buSzPts val="1100"/>
              <a:buFont typeface="Arial"/>
              <a:buChar char="●"/>
              <a:tabLst/>
              <a:defRPr/>
            </a:pPr>
            <a:r>
              <a:rPr lang="en-GB" dirty="0"/>
              <a:t>What is ACD – </a:t>
            </a:r>
            <a:r>
              <a:rPr lang="en-GB" dirty="0">
                <a:solidFill>
                  <a:schemeClr val="dk2"/>
                </a:solidFill>
              </a:rPr>
              <a:t>a community part of DDN formed in 2019</a:t>
            </a:r>
            <a:endParaRPr lang="en-GB" dirty="0"/>
          </a:p>
          <a:p>
            <a:r>
              <a:rPr lang="en-GB" dirty="0"/>
              <a:t>Diverse set of skills covering several fields</a:t>
            </a:r>
          </a:p>
          <a:p>
            <a:r>
              <a:rPr lang="en-GB" dirty="0"/>
              <a:t>Key Objectives – </a:t>
            </a:r>
          </a:p>
          <a:p>
            <a:pPr lvl="1"/>
            <a:r>
              <a:rPr lang="en-GB" dirty="0"/>
              <a:t>Strengthen existing community – encourage collaboration and best practice</a:t>
            </a:r>
          </a:p>
          <a:p>
            <a:pPr marL="914400" marR="0" lvl="1" indent="-298450" algn="l" defTabSz="914400" rtl="0" eaLnBrk="1" fontAlgn="auto" latinLnBrk="0" hangingPunct="1">
              <a:lnSpc>
                <a:spcPct val="100000"/>
              </a:lnSpc>
              <a:spcBef>
                <a:spcPts val="0"/>
              </a:spcBef>
              <a:spcAft>
                <a:spcPts val="0"/>
              </a:spcAft>
              <a:buClr>
                <a:srgbClr val="000000"/>
              </a:buClr>
              <a:buSzPts val="1100"/>
              <a:buFont typeface="Arial"/>
              <a:buChar char="○"/>
              <a:tabLst/>
              <a:defRPr/>
            </a:pPr>
            <a:r>
              <a:rPr lang="en-GB" dirty="0"/>
              <a:t>Support strategic business development – Strategic bids, project Support, Implementing new ways of working on existing projects</a:t>
            </a:r>
          </a:p>
          <a:p>
            <a:pPr lvl="1"/>
            <a:r>
              <a:rPr lang="en-GB" dirty="0"/>
              <a:t>Grow the number of data literals, use coding to automate – deliver better outcomes – One way = Coding Clubs</a:t>
            </a:r>
          </a:p>
          <a:p>
            <a:endParaRPr lang="en-GB" dirty="0"/>
          </a:p>
          <a:p>
            <a:r>
              <a:rPr lang="en-GB" dirty="0"/>
              <a:t>Hackathon per year</a:t>
            </a:r>
          </a:p>
          <a:p>
            <a:endParaRPr lang="en-AU" dirty="0"/>
          </a:p>
        </p:txBody>
      </p:sp>
    </p:spTree>
    <p:extLst>
      <p:ext uri="{BB962C8B-B14F-4D97-AF65-F5344CB8AC3E}">
        <p14:creationId xmlns:p14="http://schemas.microsoft.com/office/powerpoint/2010/main" val="164253412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158750" indent="0">
              <a:buNone/>
            </a:pPr>
            <a:r>
              <a:rPr lang="en-GB" dirty="0"/>
              <a:t>Before we go too far – What is a programming language?</a:t>
            </a:r>
          </a:p>
          <a:p>
            <a:r>
              <a:rPr lang="en-GB" dirty="0"/>
              <a:t>How do we communicate with a computer?</a:t>
            </a:r>
          </a:p>
          <a:p>
            <a:r>
              <a:rPr lang="en-GB" dirty="0"/>
              <a:t>Computer only recognises binary language.</a:t>
            </a:r>
          </a:p>
          <a:p>
            <a:pPr marL="158750" indent="0">
              <a:buNone/>
            </a:pPr>
            <a:endParaRPr lang="en-GB" dirty="0"/>
          </a:p>
          <a:p>
            <a:pPr marL="158750" indent="0">
              <a:buNone/>
            </a:pPr>
            <a:r>
              <a:rPr lang="en-GB" dirty="0"/>
              <a:t>Simplified slide</a:t>
            </a:r>
          </a:p>
        </p:txBody>
      </p:sp>
      <p:sp>
        <p:nvSpPr>
          <p:cNvPr id="4" name="Slide Number Placeholder 3"/>
          <p:cNvSpPr>
            <a:spLocks noGrp="1"/>
          </p:cNvSpPr>
          <p:nvPr>
            <p:ph type="sldNum" sz="quarter" idx="5"/>
          </p:nvPr>
        </p:nvSpPr>
        <p:spPr/>
        <p:txBody>
          <a:bodyPr/>
          <a:lstStyle/>
          <a:p>
            <a:fld id="{488DCF99-22F0-4D4D-88B7-7F1565E49F52}" type="slidenum">
              <a:rPr lang="en-GB" smtClean="0"/>
              <a:t>5</a:t>
            </a:fld>
            <a:endParaRPr lang="en-GB"/>
          </a:p>
        </p:txBody>
      </p:sp>
    </p:spTree>
    <p:extLst>
      <p:ext uri="{BB962C8B-B14F-4D97-AF65-F5344CB8AC3E}">
        <p14:creationId xmlns:p14="http://schemas.microsoft.com/office/powerpoint/2010/main" val="151230562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NZ" dirty="0"/>
              <a:t>Inputs:</a:t>
            </a:r>
          </a:p>
          <a:p>
            <a:pPr lvl="1"/>
            <a:r>
              <a:rPr lang="en-NZ" dirty="0"/>
              <a:t>Data Files</a:t>
            </a:r>
          </a:p>
          <a:p>
            <a:pPr lvl="1"/>
            <a:r>
              <a:rPr lang="en-NZ" dirty="0"/>
              <a:t>Code inputs</a:t>
            </a:r>
          </a:p>
          <a:p>
            <a:pPr lvl="1"/>
            <a:r>
              <a:rPr lang="en-NZ" dirty="0"/>
              <a:t>Standard data from libraries</a:t>
            </a:r>
          </a:p>
          <a:p>
            <a:pPr lvl="1"/>
            <a:r>
              <a:rPr lang="en-NZ" dirty="0"/>
              <a:t>Model data</a:t>
            </a:r>
          </a:p>
          <a:p>
            <a:pPr lvl="1"/>
            <a:r>
              <a:rPr lang="en-NZ" dirty="0"/>
              <a:t>Flour, eggs, milk</a:t>
            </a:r>
          </a:p>
          <a:p>
            <a:pPr lvl="1"/>
            <a:endParaRPr lang="en-NZ" dirty="0"/>
          </a:p>
          <a:p>
            <a:r>
              <a:rPr lang="en-NZ" dirty="0"/>
              <a:t>Operations</a:t>
            </a:r>
          </a:p>
          <a:p>
            <a:pPr lvl="1"/>
            <a:r>
              <a:rPr lang="en-NZ" dirty="0"/>
              <a:t>Computer processing the inputs</a:t>
            </a:r>
          </a:p>
          <a:p>
            <a:pPr lvl="1"/>
            <a:endParaRPr lang="en-NZ" dirty="0"/>
          </a:p>
          <a:p>
            <a:r>
              <a:rPr lang="en-NZ" dirty="0"/>
              <a:t>Outputs</a:t>
            </a:r>
          </a:p>
          <a:p>
            <a:pPr lvl="1"/>
            <a:r>
              <a:rPr lang="en-NZ" dirty="0"/>
              <a:t>Generative design</a:t>
            </a:r>
          </a:p>
          <a:p>
            <a:pPr lvl="1"/>
            <a:r>
              <a:rPr lang="en-NZ" dirty="0"/>
              <a:t>Model</a:t>
            </a:r>
          </a:p>
          <a:p>
            <a:pPr lvl="1"/>
            <a:r>
              <a:rPr lang="en-NZ" dirty="0"/>
              <a:t>Visualisation</a:t>
            </a:r>
          </a:p>
          <a:p>
            <a:pPr lvl="1"/>
            <a:r>
              <a:rPr lang="en-NZ" dirty="0"/>
              <a:t>Comparison</a:t>
            </a:r>
          </a:p>
          <a:p>
            <a:pPr lvl="1"/>
            <a:r>
              <a:rPr lang="en-NZ" dirty="0"/>
              <a:t>Check/ compare</a:t>
            </a:r>
          </a:p>
          <a:p>
            <a:pPr lvl="1"/>
            <a:r>
              <a:rPr lang="en-NZ" dirty="0"/>
              <a:t>results</a:t>
            </a:r>
          </a:p>
          <a:p>
            <a:pPr lvl="1"/>
            <a:endParaRPr lang="en-NZ" dirty="0"/>
          </a:p>
          <a:p>
            <a:pPr marL="615950" lvl="1" indent="0">
              <a:buNone/>
            </a:pPr>
            <a:endParaRPr lang="en-NZ" dirty="0"/>
          </a:p>
        </p:txBody>
      </p:sp>
      <p:sp>
        <p:nvSpPr>
          <p:cNvPr id="4" name="Slide Number Placeholder 3"/>
          <p:cNvSpPr>
            <a:spLocks noGrp="1"/>
          </p:cNvSpPr>
          <p:nvPr>
            <p:ph type="sldNum" sz="quarter" idx="5"/>
          </p:nvPr>
        </p:nvSpPr>
        <p:spPr/>
        <p:txBody>
          <a:bodyPr/>
          <a:lstStyle/>
          <a:p>
            <a:fld id="{488DCF99-22F0-4D4D-88B7-7F1565E49F52}" type="slidenum">
              <a:rPr lang="en-GB" smtClean="0"/>
              <a:t>6</a:t>
            </a:fld>
            <a:endParaRPr lang="en-GB"/>
          </a:p>
        </p:txBody>
      </p:sp>
    </p:spTree>
    <p:extLst>
      <p:ext uri="{BB962C8B-B14F-4D97-AF65-F5344CB8AC3E}">
        <p14:creationId xmlns:p14="http://schemas.microsoft.com/office/powerpoint/2010/main" val="203997490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158750" indent="0">
              <a:buNone/>
            </a:pPr>
            <a:r>
              <a:rPr lang="en-GB" dirty="0"/>
              <a:t>Before we go too far – What is a programming language?</a:t>
            </a:r>
          </a:p>
          <a:p>
            <a:pPr marL="158750" indent="0">
              <a:buNone/>
            </a:pPr>
            <a:endParaRPr lang="en-GB" dirty="0"/>
          </a:p>
          <a:p>
            <a:r>
              <a:rPr lang="en-GB" dirty="0"/>
              <a:t>How do we communicate with a computer?</a:t>
            </a:r>
          </a:p>
          <a:p>
            <a:r>
              <a:rPr lang="en-GB" dirty="0"/>
              <a:t>Computer only recognises binary language.</a:t>
            </a:r>
          </a:p>
          <a:p>
            <a:pPr marL="0" indent="0"/>
            <a:endParaRPr lang="en-GB" sz="1100" dirty="0"/>
          </a:p>
          <a:p>
            <a:pPr marL="0" indent="0"/>
            <a:r>
              <a:rPr lang="en-GB" sz="1100" b="0" i="0" u="none" strike="noStrike" cap="none" dirty="0">
                <a:solidFill>
                  <a:srgbClr val="000000"/>
                </a:solidFill>
                <a:latin typeface="Arial"/>
                <a:cs typeface="Arial"/>
                <a:sym typeface="Arial"/>
              </a:rPr>
              <a:t>Programming languages are created to help write code without having to use the 0s and 1s. </a:t>
            </a:r>
          </a:p>
          <a:p>
            <a:pPr marL="0" indent="0"/>
            <a:r>
              <a:rPr lang="en-GB" dirty="0"/>
              <a:t>communicate with a computer:</a:t>
            </a:r>
          </a:p>
          <a:p>
            <a:pPr lvl="1"/>
            <a:r>
              <a:rPr lang="en-GB" dirty="0"/>
              <a:t>How to receive inputs</a:t>
            </a:r>
          </a:p>
          <a:p>
            <a:pPr lvl="1"/>
            <a:r>
              <a:rPr lang="en-GB" dirty="0"/>
              <a:t>Collect, store, process data</a:t>
            </a:r>
          </a:p>
          <a:p>
            <a:pPr marL="914400" marR="0" lvl="1" indent="-298450" algn="l" defTabSz="914400" rtl="0" eaLnBrk="1" fontAlgn="auto" latinLnBrk="0" hangingPunct="1">
              <a:lnSpc>
                <a:spcPct val="100000"/>
              </a:lnSpc>
              <a:spcBef>
                <a:spcPts val="0"/>
              </a:spcBef>
              <a:spcAft>
                <a:spcPts val="0"/>
              </a:spcAft>
              <a:buClr>
                <a:srgbClr val="000000"/>
              </a:buClr>
              <a:buSzPts val="1100"/>
              <a:buFont typeface="Arial"/>
              <a:buChar char="○"/>
              <a:tabLst/>
              <a:defRPr/>
            </a:pPr>
            <a:r>
              <a:rPr lang="en-GB" dirty="0"/>
              <a:t>Deliver outputs</a:t>
            </a:r>
          </a:p>
          <a:p>
            <a:pPr marL="914400" marR="0" lvl="1" indent="-298450" algn="l" defTabSz="914400" rtl="0" eaLnBrk="1" fontAlgn="auto" latinLnBrk="0" hangingPunct="1">
              <a:lnSpc>
                <a:spcPct val="100000"/>
              </a:lnSpc>
              <a:spcBef>
                <a:spcPts val="0"/>
              </a:spcBef>
              <a:spcAft>
                <a:spcPts val="0"/>
              </a:spcAft>
              <a:buClr>
                <a:srgbClr val="000000"/>
              </a:buClr>
              <a:buSzPts val="1100"/>
              <a:buFont typeface="Arial"/>
              <a:buChar char="○"/>
              <a:tabLst/>
              <a:defRPr/>
            </a:pPr>
            <a:endParaRPr lang="en-GB" sz="1100" dirty="0"/>
          </a:p>
          <a:p>
            <a:pPr marL="914400" marR="0" lvl="1" indent="-298450" algn="l" defTabSz="914400" rtl="0" eaLnBrk="1" fontAlgn="auto" latinLnBrk="0" hangingPunct="1">
              <a:lnSpc>
                <a:spcPct val="100000"/>
              </a:lnSpc>
              <a:spcBef>
                <a:spcPts val="0"/>
              </a:spcBef>
              <a:spcAft>
                <a:spcPts val="0"/>
              </a:spcAft>
              <a:buClr>
                <a:srgbClr val="000000"/>
              </a:buClr>
              <a:buSzPts val="1100"/>
              <a:buFont typeface="Arial"/>
              <a:buChar char="○"/>
              <a:tabLst/>
              <a:defRPr/>
            </a:pPr>
            <a:r>
              <a:rPr lang="en-GB" sz="1100" dirty="0"/>
              <a:t>Custom tools then combine the code and translate it back into 0s and 1s later so that the computer can understand.</a:t>
            </a:r>
          </a:p>
          <a:p>
            <a:pPr lvl="1"/>
            <a:endParaRPr lang="en-GB" dirty="0"/>
          </a:p>
          <a:p>
            <a:r>
              <a:rPr lang="en-AU" dirty="0"/>
              <a:t>Common languages – Java, Python, Ruby, C, C# JavaScript</a:t>
            </a:r>
          </a:p>
          <a:p>
            <a:r>
              <a:rPr lang="en-AU" dirty="0"/>
              <a:t>Also visual programming – drag and drop functions and modules into a working environment – Grasshopper/ Dynamo</a:t>
            </a:r>
          </a:p>
        </p:txBody>
      </p:sp>
    </p:spTree>
    <p:extLst>
      <p:ext uri="{BB962C8B-B14F-4D97-AF65-F5344CB8AC3E}">
        <p14:creationId xmlns:p14="http://schemas.microsoft.com/office/powerpoint/2010/main" val="233174552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AU" dirty="0"/>
              <a:t>Common languages – Java, Python, Ruby, C, C# JavaScript</a:t>
            </a:r>
          </a:p>
          <a:p>
            <a:pPr marL="457200" marR="0" lvl="0" indent="-298450" algn="l" defTabSz="914400" rtl="0" eaLnBrk="1" fontAlgn="auto" latinLnBrk="0" hangingPunct="1">
              <a:lnSpc>
                <a:spcPct val="100000"/>
              </a:lnSpc>
              <a:spcBef>
                <a:spcPts val="0"/>
              </a:spcBef>
              <a:spcAft>
                <a:spcPts val="0"/>
              </a:spcAft>
              <a:buClr>
                <a:srgbClr val="000000"/>
              </a:buClr>
              <a:buSzPts val="1100"/>
              <a:buFont typeface="Arial"/>
              <a:buChar char="●"/>
              <a:tabLst/>
              <a:defRPr/>
            </a:pPr>
            <a:r>
              <a:rPr lang="en-AU" dirty="0"/>
              <a:t>Also visual programming – </a:t>
            </a:r>
            <a:r>
              <a:rPr lang="en-GB" dirty="0"/>
              <a:t>node based.</a:t>
            </a:r>
          </a:p>
          <a:p>
            <a:r>
              <a:rPr lang="en-AU" dirty="0"/>
              <a:t>drag and drop functions and modules into a working environment – Grasshopper/ Dynamo</a:t>
            </a:r>
          </a:p>
          <a:p>
            <a:endParaRPr lang="en-GB" dirty="0"/>
          </a:p>
          <a:p>
            <a:r>
              <a:rPr lang="en-GB" dirty="0"/>
              <a:t>Visual programming Does not require traditional coding, although can be linked with other coding languages</a:t>
            </a:r>
          </a:p>
          <a:p>
            <a:r>
              <a:rPr lang="en-GB" dirty="0"/>
              <a:t>Used for repetitive, complex tasks, geometry, analysis</a:t>
            </a:r>
            <a:endParaRPr lang="en-AU" dirty="0"/>
          </a:p>
        </p:txBody>
      </p:sp>
    </p:spTree>
    <p:extLst>
      <p:ext uri="{BB962C8B-B14F-4D97-AF65-F5344CB8AC3E}">
        <p14:creationId xmlns:p14="http://schemas.microsoft.com/office/powerpoint/2010/main" val="412210419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158750" indent="0">
              <a:buNone/>
            </a:pPr>
            <a:r>
              <a:rPr lang="en-GB" dirty="0"/>
              <a:t>Maths skills not directly proportional to programming skills.</a:t>
            </a:r>
          </a:p>
          <a:p>
            <a:pPr marL="158750" indent="0">
              <a:buNone/>
            </a:pPr>
            <a:r>
              <a:rPr lang="en-GB" dirty="0"/>
              <a:t>	Problem solving, analytical and logical thinking ability an advantage</a:t>
            </a:r>
          </a:p>
          <a:p>
            <a:pPr marL="158750" indent="0">
              <a:buNone/>
            </a:pPr>
            <a:r>
              <a:rPr lang="en-GB" dirty="0"/>
              <a:t>	Libraries and plugins available to directly use in your code, to solve the mathematical problems.</a:t>
            </a:r>
          </a:p>
          <a:p>
            <a:pPr marL="158750" indent="0">
              <a:buNone/>
            </a:pPr>
            <a:endParaRPr lang="en-GB" dirty="0"/>
          </a:p>
          <a:p>
            <a:pPr marL="158750" indent="0">
              <a:buNone/>
            </a:pPr>
            <a:r>
              <a:rPr lang="en-GB" dirty="0"/>
              <a:t>Education – Not required. Time and effort required to learn and gain experience.</a:t>
            </a:r>
          </a:p>
          <a:p>
            <a:pPr marL="158750" indent="0">
              <a:buNone/>
            </a:pPr>
            <a:endParaRPr lang="en-GB" dirty="0"/>
          </a:p>
          <a:p>
            <a:pPr marL="158750" indent="0">
              <a:buNone/>
            </a:pPr>
            <a:r>
              <a:rPr lang="en-GB" dirty="0"/>
              <a:t>Change of profession – Makes you a more well rounded individual by bringing that domain experience and adding new skills</a:t>
            </a:r>
          </a:p>
          <a:p>
            <a:pPr marL="158750" indent="0">
              <a:buNone/>
            </a:pPr>
            <a:endParaRPr lang="en-GB" dirty="0"/>
          </a:p>
          <a:p>
            <a:pPr marL="158750" indent="0">
              <a:buNone/>
            </a:pPr>
            <a:r>
              <a:rPr lang="en-GB" dirty="0"/>
              <a:t>Software – Mostly free!!!</a:t>
            </a:r>
            <a:endParaRPr lang="en-AU" dirty="0"/>
          </a:p>
        </p:txBody>
      </p:sp>
    </p:spTree>
    <p:extLst>
      <p:ext uri="{BB962C8B-B14F-4D97-AF65-F5344CB8AC3E}">
        <p14:creationId xmlns:p14="http://schemas.microsoft.com/office/powerpoint/2010/main" val="329328910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Slide 02">
  <p:cSld name="Title Slide 02">
    <p:bg>
      <p:bgPr>
        <a:solidFill>
          <a:schemeClr val="lt2"/>
        </a:solidFill>
        <a:effectLst/>
      </p:bgPr>
    </p:bg>
    <p:spTree>
      <p:nvGrpSpPr>
        <p:cNvPr id="1" name="Shape 56"/>
        <p:cNvGrpSpPr/>
        <p:nvPr/>
      </p:nvGrpSpPr>
      <p:grpSpPr>
        <a:xfrm>
          <a:off x="0" y="0"/>
          <a:ext cx="0" cy="0"/>
          <a:chOff x="0" y="0"/>
          <a:chExt cx="0" cy="0"/>
        </a:xfrm>
      </p:grpSpPr>
      <p:sp>
        <p:nvSpPr>
          <p:cNvPr id="57" name="Google Shape;57;p14"/>
          <p:cNvSpPr txBox="1">
            <a:spLocks noGrp="1"/>
          </p:cNvSpPr>
          <p:nvPr>
            <p:ph type="body" idx="1"/>
          </p:nvPr>
        </p:nvSpPr>
        <p:spPr>
          <a:xfrm>
            <a:off x="395289" y="3219451"/>
            <a:ext cx="4121150" cy="525462"/>
          </a:xfrm>
          <a:prstGeom prst="rect">
            <a:avLst/>
          </a:prstGeom>
          <a:noFill/>
          <a:ln>
            <a:noFill/>
          </a:ln>
        </p:spPr>
        <p:txBody>
          <a:bodyPr spcFirstLastPara="1" wrap="square" lIns="0" tIns="0" rIns="0" bIns="0" anchor="t" anchorCtr="0"/>
          <a:lstStyle>
            <a:lvl1pPr marL="457200" lvl="0" indent="-228600" algn="l">
              <a:lnSpc>
                <a:spcPct val="90000"/>
              </a:lnSpc>
              <a:spcBef>
                <a:spcPts val="600"/>
              </a:spcBef>
              <a:spcAft>
                <a:spcPts val="0"/>
              </a:spcAft>
              <a:buSzPts val="1100"/>
              <a:buNone/>
              <a:defRPr sz="1100" b="0">
                <a:solidFill>
                  <a:schemeClr val="accent1"/>
                </a:solidFill>
                <a:latin typeface="Arial"/>
                <a:ea typeface="Arial"/>
                <a:cs typeface="Arial"/>
                <a:sym typeface="Arial"/>
              </a:defRPr>
            </a:lvl1pPr>
            <a:lvl2pPr marL="914400" lvl="1" indent="-228600" algn="l">
              <a:lnSpc>
                <a:spcPct val="90000"/>
              </a:lnSpc>
              <a:spcBef>
                <a:spcPts val="1000"/>
              </a:spcBef>
              <a:spcAft>
                <a:spcPts val="0"/>
              </a:spcAft>
              <a:buSzPts val="1100"/>
              <a:buNone/>
              <a:defRPr sz="1100" b="0">
                <a:latin typeface="Arial"/>
                <a:ea typeface="Arial"/>
                <a:cs typeface="Arial"/>
                <a:sym typeface="Arial"/>
              </a:defRPr>
            </a:lvl2pPr>
            <a:lvl3pPr marL="1371600" lvl="2" indent="-228600" algn="l">
              <a:lnSpc>
                <a:spcPct val="90000"/>
              </a:lnSpc>
              <a:spcBef>
                <a:spcPts val="1000"/>
              </a:spcBef>
              <a:spcAft>
                <a:spcPts val="0"/>
              </a:spcAft>
              <a:buSzPts val="1100"/>
              <a:buNone/>
              <a:defRPr sz="1100" b="0">
                <a:solidFill>
                  <a:schemeClr val="dk2"/>
                </a:solidFill>
                <a:latin typeface="Arial"/>
                <a:ea typeface="Arial"/>
                <a:cs typeface="Arial"/>
                <a:sym typeface="Arial"/>
              </a:defRPr>
            </a:lvl3pPr>
            <a:lvl4pPr marL="1828800" lvl="3" indent="-228600" algn="l">
              <a:lnSpc>
                <a:spcPct val="90000"/>
              </a:lnSpc>
              <a:spcBef>
                <a:spcPts val="1000"/>
              </a:spcBef>
              <a:spcAft>
                <a:spcPts val="0"/>
              </a:spcAft>
              <a:buSzPts val="1100"/>
              <a:buNone/>
              <a:defRPr sz="1100" b="0">
                <a:latin typeface="Arial"/>
                <a:ea typeface="Arial"/>
                <a:cs typeface="Arial"/>
                <a:sym typeface="Arial"/>
              </a:defRPr>
            </a:lvl4pPr>
            <a:lvl5pPr marL="2286000" lvl="4" indent="-228600" algn="l">
              <a:lnSpc>
                <a:spcPct val="90000"/>
              </a:lnSpc>
              <a:spcBef>
                <a:spcPts val="1000"/>
              </a:spcBef>
              <a:spcAft>
                <a:spcPts val="0"/>
              </a:spcAft>
              <a:buSzPts val="1100"/>
              <a:buNone/>
              <a:defRPr sz="1100" b="0">
                <a:latin typeface="Arial"/>
                <a:ea typeface="Arial"/>
                <a:cs typeface="Arial"/>
                <a:sym typeface="Arial"/>
              </a:defRPr>
            </a:lvl5pPr>
            <a:lvl6pPr marL="2743200" lvl="5" indent="-228600" algn="l">
              <a:lnSpc>
                <a:spcPct val="90000"/>
              </a:lnSpc>
              <a:spcBef>
                <a:spcPts val="1000"/>
              </a:spcBef>
              <a:spcAft>
                <a:spcPts val="0"/>
              </a:spcAft>
              <a:buSzPts val="1100"/>
              <a:buNone/>
              <a:defRPr sz="1100"/>
            </a:lvl6pPr>
            <a:lvl7pPr marL="3200400" lvl="6" indent="-228600" algn="l">
              <a:lnSpc>
                <a:spcPct val="90000"/>
              </a:lnSpc>
              <a:spcBef>
                <a:spcPts val="1000"/>
              </a:spcBef>
              <a:spcAft>
                <a:spcPts val="0"/>
              </a:spcAft>
              <a:buSzPts val="1100"/>
              <a:buNone/>
              <a:defRPr sz="1100"/>
            </a:lvl7pPr>
            <a:lvl8pPr marL="3657600" lvl="7" indent="-228600" algn="l">
              <a:lnSpc>
                <a:spcPct val="90000"/>
              </a:lnSpc>
              <a:spcBef>
                <a:spcPts val="1000"/>
              </a:spcBef>
              <a:spcAft>
                <a:spcPts val="0"/>
              </a:spcAft>
              <a:buSzPts val="1100"/>
              <a:buNone/>
              <a:defRPr sz="1100"/>
            </a:lvl8pPr>
            <a:lvl9pPr marL="4114800" lvl="8" indent="-228600" algn="l">
              <a:lnSpc>
                <a:spcPct val="90000"/>
              </a:lnSpc>
              <a:spcBef>
                <a:spcPts val="1000"/>
              </a:spcBef>
              <a:spcAft>
                <a:spcPts val="600"/>
              </a:spcAft>
              <a:buSzPts val="1100"/>
              <a:buNone/>
              <a:defRPr sz="1100"/>
            </a:lvl9pPr>
          </a:lstStyle>
          <a:p>
            <a:endParaRPr/>
          </a:p>
        </p:txBody>
      </p:sp>
      <p:sp>
        <p:nvSpPr>
          <p:cNvPr id="58" name="Google Shape;58;p14"/>
          <p:cNvSpPr>
            <a:spLocks noGrp="1"/>
          </p:cNvSpPr>
          <p:nvPr>
            <p:ph type="pic" idx="2"/>
          </p:nvPr>
        </p:nvSpPr>
        <p:spPr>
          <a:xfrm>
            <a:off x="395288" y="3744913"/>
            <a:ext cx="950400" cy="646112"/>
          </a:xfrm>
          <a:prstGeom prst="rect">
            <a:avLst/>
          </a:prstGeom>
          <a:noFill/>
          <a:ln>
            <a:noFill/>
          </a:ln>
        </p:spPr>
        <p:txBody>
          <a:bodyPr spcFirstLastPara="1" wrap="square" lIns="0" tIns="0" rIns="0" bIns="0" anchor="b" anchorCtr="0"/>
          <a:lstStyle>
            <a:lvl1pPr marR="0" lvl="0" algn="ctr" rtl="0">
              <a:lnSpc>
                <a:spcPct val="90000"/>
              </a:lnSpc>
              <a:spcBef>
                <a:spcPts val="1200"/>
              </a:spcBef>
              <a:spcAft>
                <a:spcPts val="0"/>
              </a:spcAft>
              <a:buClr>
                <a:schemeClr val="accent1"/>
              </a:buClr>
              <a:buSzPts val="1000"/>
              <a:buFont typeface="Arial"/>
              <a:buNone/>
              <a:defRPr sz="1000" b="0" i="0" u="none" strike="noStrike" cap="none">
                <a:solidFill>
                  <a:schemeClr val="dk2"/>
                </a:solidFill>
                <a:latin typeface="Arial"/>
                <a:ea typeface="Arial"/>
                <a:cs typeface="Arial"/>
                <a:sym typeface="Arial"/>
              </a:defRPr>
            </a:lvl1pPr>
            <a:lvl2pPr marR="0" lvl="1" algn="l" rtl="0">
              <a:lnSpc>
                <a:spcPct val="90000"/>
              </a:lnSpc>
              <a:spcBef>
                <a:spcPts val="1200"/>
              </a:spcBef>
              <a:spcAft>
                <a:spcPts val="0"/>
              </a:spcAft>
              <a:buClr>
                <a:schemeClr val="accent1"/>
              </a:buClr>
              <a:buSzPts val="1400"/>
              <a:buFont typeface="Arial"/>
              <a:buNone/>
              <a:defRPr sz="1400" b="0" i="0" u="none" strike="noStrike" cap="none">
                <a:solidFill>
                  <a:schemeClr val="dk1"/>
                </a:solidFill>
                <a:latin typeface="Arial"/>
                <a:ea typeface="Arial"/>
                <a:cs typeface="Arial"/>
                <a:sym typeface="Arial"/>
              </a:defRPr>
            </a:lvl2pPr>
            <a:lvl3pPr marR="0" lvl="2" algn="l" rtl="0">
              <a:lnSpc>
                <a:spcPct val="90000"/>
              </a:lnSpc>
              <a:spcBef>
                <a:spcPts val="600"/>
              </a:spcBef>
              <a:spcAft>
                <a:spcPts val="0"/>
              </a:spcAft>
              <a:buClr>
                <a:schemeClr val="accent2"/>
              </a:buClr>
              <a:buSzPts val="1200"/>
              <a:buFont typeface="Arial"/>
              <a:buChar char="•"/>
              <a:defRPr sz="1200" b="0" i="0" u="none" strike="noStrike" cap="none">
                <a:solidFill>
                  <a:schemeClr val="dk1"/>
                </a:solidFill>
                <a:latin typeface="Arial"/>
                <a:ea typeface="Arial"/>
                <a:cs typeface="Arial"/>
                <a:sym typeface="Arial"/>
              </a:defRPr>
            </a:lvl3pPr>
            <a:lvl4pPr marR="0" lvl="3" algn="l" rtl="0">
              <a:lnSpc>
                <a:spcPct val="90000"/>
              </a:lnSpc>
              <a:spcBef>
                <a:spcPts val="600"/>
              </a:spcBef>
              <a:spcAft>
                <a:spcPts val="0"/>
              </a:spcAft>
              <a:buClr>
                <a:schemeClr val="accent2"/>
              </a:buClr>
              <a:buSzPts val="1200"/>
              <a:buFont typeface="Arial"/>
              <a:buChar char="−"/>
              <a:defRPr sz="1200" b="0" i="0" u="none" strike="noStrike" cap="none">
                <a:solidFill>
                  <a:schemeClr val="dk1"/>
                </a:solidFill>
                <a:latin typeface="Arial"/>
                <a:ea typeface="Arial"/>
                <a:cs typeface="Arial"/>
                <a:sym typeface="Arial"/>
              </a:defRPr>
            </a:lvl4pPr>
            <a:lvl5pPr marR="0" lvl="4" algn="l" rtl="0">
              <a:lnSpc>
                <a:spcPct val="90000"/>
              </a:lnSpc>
              <a:spcBef>
                <a:spcPts val="600"/>
              </a:spcBef>
              <a:spcAft>
                <a:spcPts val="0"/>
              </a:spcAft>
              <a:buClr>
                <a:schemeClr val="accent2"/>
              </a:buClr>
              <a:buSzPts val="1200"/>
              <a:buFont typeface="Arial"/>
              <a:buChar char="−"/>
              <a:defRPr sz="1200" b="0" i="0" u="none" strike="noStrike" cap="none">
                <a:solidFill>
                  <a:schemeClr val="dk1"/>
                </a:solidFill>
                <a:latin typeface="Arial"/>
                <a:ea typeface="Arial"/>
                <a:cs typeface="Arial"/>
                <a:sym typeface="Arial"/>
              </a:defRPr>
            </a:lvl5pPr>
            <a:lvl6pPr marR="0" lvl="5" algn="l" rtl="0">
              <a:lnSpc>
                <a:spcPct val="90000"/>
              </a:lnSpc>
              <a:spcBef>
                <a:spcPts val="600"/>
              </a:spcBef>
              <a:spcAft>
                <a:spcPts val="0"/>
              </a:spcAft>
              <a:buClr>
                <a:schemeClr val="accent1"/>
              </a:buClr>
              <a:buSzPts val="1200"/>
              <a:buFont typeface="Arial"/>
              <a:buChar char="−"/>
              <a:defRPr sz="1200" b="0" i="0" u="none" strike="noStrike" cap="none">
                <a:solidFill>
                  <a:schemeClr val="dk1"/>
                </a:solidFill>
                <a:latin typeface="Arial"/>
                <a:ea typeface="Arial"/>
                <a:cs typeface="Arial"/>
                <a:sym typeface="Arial"/>
              </a:defRPr>
            </a:lvl6pPr>
            <a:lvl7pPr marR="0" lvl="6" algn="l" rtl="0">
              <a:lnSpc>
                <a:spcPct val="90000"/>
              </a:lnSpc>
              <a:spcBef>
                <a:spcPts val="600"/>
              </a:spcBef>
              <a:spcAft>
                <a:spcPts val="0"/>
              </a:spcAft>
              <a:buClr>
                <a:schemeClr val="accent1"/>
              </a:buClr>
              <a:buSzPts val="1200"/>
              <a:buFont typeface="Arial"/>
              <a:buChar char="−"/>
              <a:defRPr sz="1200" b="0" i="0" u="none" strike="noStrike" cap="none">
                <a:solidFill>
                  <a:schemeClr val="dk1"/>
                </a:solidFill>
                <a:latin typeface="Arial"/>
                <a:ea typeface="Arial"/>
                <a:cs typeface="Arial"/>
                <a:sym typeface="Arial"/>
              </a:defRPr>
            </a:lvl7pPr>
            <a:lvl8pPr marR="0" lvl="7" algn="l" rtl="0">
              <a:lnSpc>
                <a:spcPct val="90000"/>
              </a:lnSpc>
              <a:spcBef>
                <a:spcPts val="600"/>
              </a:spcBef>
              <a:spcAft>
                <a:spcPts val="0"/>
              </a:spcAft>
              <a:buClr>
                <a:schemeClr val="accent1"/>
              </a:buClr>
              <a:buSzPts val="1200"/>
              <a:buFont typeface="Arial"/>
              <a:buChar char="−"/>
              <a:defRPr sz="1200" b="0" i="0" u="none" strike="noStrike" cap="none">
                <a:solidFill>
                  <a:schemeClr val="dk1"/>
                </a:solidFill>
                <a:latin typeface="Arial"/>
                <a:ea typeface="Arial"/>
                <a:cs typeface="Arial"/>
                <a:sym typeface="Arial"/>
              </a:defRPr>
            </a:lvl8pPr>
            <a:lvl9pPr marR="0" lvl="8" algn="l" rtl="0">
              <a:lnSpc>
                <a:spcPct val="90000"/>
              </a:lnSpc>
              <a:spcBef>
                <a:spcPts val="600"/>
              </a:spcBef>
              <a:spcAft>
                <a:spcPts val="600"/>
              </a:spcAft>
              <a:buClr>
                <a:schemeClr val="accent1"/>
              </a:buClr>
              <a:buSzPts val="1200"/>
              <a:buFont typeface="Arial"/>
              <a:buChar char="−"/>
              <a:defRPr sz="1200" b="0" i="0" u="none" strike="noStrike" cap="none">
                <a:solidFill>
                  <a:schemeClr val="dk1"/>
                </a:solidFill>
                <a:latin typeface="Arial"/>
                <a:ea typeface="Arial"/>
                <a:cs typeface="Arial"/>
                <a:sym typeface="Arial"/>
              </a:defRPr>
            </a:lvl9pPr>
          </a:lstStyle>
          <a:p>
            <a:endParaRPr/>
          </a:p>
        </p:txBody>
      </p:sp>
      <p:sp>
        <p:nvSpPr>
          <p:cNvPr id="59" name="Google Shape;59;p14"/>
          <p:cNvSpPr>
            <a:spLocks noGrp="1"/>
          </p:cNvSpPr>
          <p:nvPr>
            <p:ph type="pic" idx="3"/>
          </p:nvPr>
        </p:nvSpPr>
        <p:spPr>
          <a:xfrm>
            <a:off x="1453074" y="3744913"/>
            <a:ext cx="950401" cy="646112"/>
          </a:xfrm>
          <a:prstGeom prst="rect">
            <a:avLst/>
          </a:prstGeom>
          <a:noFill/>
          <a:ln>
            <a:noFill/>
          </a:ln>
        </p:spPr>
        <p:txBody>
          <a:bodyPr spcFirstLastPara="1" wrap="square" lIns="0" tIns="0" rIns="0" bIns="0" anchor="b" anchorCtr="0"/>
          <a:lstStyle>
            <a:lvl1pPr marR="0" lvl="0" algn="ctr" rtl="0">
              <a:lnSpc>
                <a:spcPct val="90000"/>
              </a:lnSpc>
              <a:spcBef>
                <a:spcPts val="1200"/>
              </a:spcBef>
              <a:spcAft>
                <a:spcPts val="0"/>
              </a:spcAft>
              <a:buClr>
                <a:schemeClr val="accent1"/>
              </a:buClr>
              <a:buSzPts val="1000"/>
              <a:buFont typeface="Arial"/>
              <a:buNone/>
              <a:defRPr sz="1000" b="0" i="0" u="none" strike="noStrike" cap="none">
                <a:solidFill>
                  <a:schemeClr val="dk2"/>
                </a:solidFill>
                <a:latin typeface="Arial"/>
                <a:ea typeface="Arial"/>
                <a:cs typeface="Arial"/>
                <a:sym typeface="Arial"/>
              </a:defRPr>
            </a:lvl1pPr>
            <a:lvl2pPr marR="0" lvl="1" algn="l" rtl="0">
              <a:lnSpc>
                <a:spcPct val="90000"/>
              </a:lnSpc>
              <a:spcBef>
                <a:spcPts val="1200"/>
              </a:spcBef>
              <a:spcAft>
                <a:spcPts val="0"/>
              </a:spcAft>
              <a:buClr>
                <a:schemeClr val="accent1"/>
              </a:buClr>
              <a:buSzPts val="1400"/>
              <a:buFont typeface="Arial"/>
              <a:buNone/>
              <a:defRPr sz="1400" b="0" i="0" u="none" strike="noStrike" cap="none">
                <a:solidFill>
                  <a:schemeClr val="dk1"/>
                </a:solidFill>
                <a:latin typeface="Arial"/>
                <a:ea typeface="Arial"/>
                <a:cs typeface="Arial"/>
                <a:sym typeface="Arial"/>
              </a:defRPr>
            </a:lvl2pPr>
            <a:lvl3pPr marR="0" lvl="2" algn="l" rtl="0">
              <a:lnSpc>
                <a:spcPct val="90000"/>
              </a:lnSpc>
              <a:spcBef>
                <a:spcPts val="600"/>
              </a:spcBef>
              <a:spcAft>
                <a:spcPts val="0"/>
              </a:spcAft>
              <a:buClr>
                <a:schemeClr val="accent2"/>
              </a:buClr>
              <a:buSzPts val="1200"/>
              <a:buFont typeface="Arial"/>
              <a:buChar char="•"/>
              <a:defRPr sz="1200" b="0" i="0" u="none" strike="noStrike" cap="none">
                <a:solidFill>
                  <a:schemeClr val="dk1"/>
                </a:solidFill>
                <a:latin typeface="Arial"/>
                <a:ea typeface="Arial"/>
                <a:cs typeface="Arial"/>
                <a:sym typeface="Arial"/>
              </a:defRPr>
            </a:lvl3pPr>
            <a:lvl4pPr marR="0" lvl="3" algn="l" rtl="0">
              <a:lnSpc>
                <a:spcPct val="90000"/>
              </a:lnSpc>
              <a:spcBef>
                <a:spcPts val="600"/>
              </a:spcBef>
              <a:spcAft>
                <a:spcPts val="0"/>
              </a:spcAft>
              <a:buClr>
                <a:schemeClr val="accent2"/>
              </a:buClr>
              <a:buSzPts val="1200"/>
              <a:buFont typeface="Arial"/>
              <a:buChar char="−"/>
              <a:defRPr sz="1200" b="0" i="0" u="none" strike="noStrike" cap="none">
                <a:solidFill>
                  <a:schemeClr val="dk1"/>
                </a:solidFill>
                <a:latin typeface="Arial"/>
                <a:ea typeface="Arial"/>
                <a:cs typeface="Arial"/>
                <a:sym typeface="Arial"/>
              </a:defRPr>
            </a:lvl4pPr>
            <a:lvl5pPr marR="0" lvl="4" algn="l" rtl="0">
              <a:lnSpc>
                <a:spcPct val="90000"/>
              </a:lnSpc>
              <a:spcBef>
                <a:spcPts val="600"/>
              </a:spcBef>
              <a:spcAft>
                <a:spcPts val="0"/>
              </a:spcAft>
              <a:buClr>
                <a:schemeClr val="accent2"/>
              </a:buClr>
              <a:buSzPts val="1200"/>
              <a:buFont typeface="Arial"/>
              <a:buChar char="−"/>
              <a:defRPr sz="1200" b="0" i="0" u="none" strike="noStrike" cap="none">
                <a:solidFill>
                  <a:schemeClr val="dk1"/>
                </a:solidFill>
                <a:latin typeface="Arial"/>
                <a:ea typeface="Arial"/>
                <a:cs typeface="Arial"/>
                <a:sym typeface="Arial"/>
              </a:defRPr>
            </a:lvl5pPr>
            <a:lvl6pPr marR="0" lvl="5" algn="l" rtl="0">
              <a:lnSpc>
                <a:spcPct val="90000"/>
              </a:lnSpc>
              <a:spcBef>
                <a:spcPts val="600"/>
              </a:spcBef>
              <a:spcAft>
                <a:spcPts val="0"/>
              </a:spcAft>
              <a:buClr>
                <a:schemeClr val="accent1"/>
              </a:buClr>
              <a:buSzPts val="1200"/>
              <a:buFont typeface="Arial"/>
              <a:buChar char="−"/>
              <a:defRPr sz="1200" b="0" i="0" u="none" strike="noStrike" cap="none">
                <a:solidFill>
                  <a:schemeClr val="dk1"/>
                </a:solidFill>
                <a:latin typeface="Arial"/>
                <a:ea typeface="Arial"/>
                <a:cs typeface="Arial"/>
                <a:sym typeface="Arial"/>
              </a:defRPr>
            </a:lvl6pPr>
            <a:lvl7pPr marR="0" lvl="6" algn="l" rtl="0">
              <a:lnSpc>
                <a:spcPct val="90000"/>
              </a:lnSpc>
              <a:spcBef>
                <a:spcPts val="600"/>
              </a:spcBef>
              <a:spcAft>
                <a:spcPts val="0"/>
              </a:spcAft>
              <a:buClr>
                <a:schemeClr val="accent1"/>
              </a:buClr>
              <a:buSzPts val="1200"/>
              <a:buFont typeface="Arial"/>
              <a:buChar char="−"/>
              <a:defRPr sz="1200" b="0" i="0" u="none" strike="noStrike" cap="none">
                <a:solidFill>
                  <a:schemeClr val="dk1"/>
                </a:solidFill>
                <a:latin typeface="Arial"/>
                <a:ea typeface="Arial"/>
                <a:cs typeface="Arial"/>
                <a:sym typeface="Arial"/>
              </a:defRPr>
            </a:lvl7pPr>
            <a:lvl8pPr marR="0" lvl="7" algn="l" rtl="0">
              <a:lnSpc>
                <a:spcPct val="90000"/>
              </a:lnSpc>
              <a:spcBef>
                <a:spcPts val="600"/>
              </a:spcBef>
              <a:spcAft>
                <a:spcPts val="0"/>
              </a:spcAft>
              <a:buClr>
                <a:schemeClr val="accent1"/>
              </a:buClr>
              <a:buSzPts val="1200"/>
              <a:buFont typeface="Arial"/>
              <a:buChar char="−"/>
              <a:defRPr sz="1200" b="0" i="0" u="none" strike="noStrike" cap="none">
                <a:solidFill>
                  <a:schemeClr val="dk1"/>
                </a:solidFill>
                <a:latin typeface="Arial"/>
                <a:ea typeface="Arial"/>
                <a:cs typeface="Arial"/>
                <a:sym typeface="Arial"/>
              </a:defRPr>
            </a:lvl8pPr>
            <a:lvl9pPr marR="0" lvl="8" algn="l" rtl="0">
              <a:lnSpc>
                <a:spcPct val="90000"/>
              </a:lnSpc>
              <a:spcBef>
                <a:spcPts val="600"/>
              </a:spcBef>
              <a:spcAft>
                <a:spcPts val="600"/>
              </a:spcAft>
              <a:buClr>
                <a:schemeClr val="accent1"/>
              </a:buClr>
              <a:buSzPts val="1200"/>
              <a:buFont typeface="Arial"/>
              <a:buChar char="−"/>
              <a:defRPr sz="1200" b="0" i="0" u="none" strike="noStrike" cap="none">
                <a:solidFill>
                  <a:schemeClr val="dk1"/>
                </a:solidFill>
                <a:latin typeface="Arial"/>
                <a:ea typeface="Arial"/>
                <a:cs typeface="Arial"/>
                <a:sym typeface="Arial"/>
              </a:defRPr>
            </a:lvl9pPr>
          </a:lstStyle>
          <a:p>
            <a:endParaRPr/>
          </a:p>
        </p:txBody>
      </p:sp>
      <p:sp>
        <p:nvSpPr>
          <p:cNvPr id="60" name="Google Shape;60;p14"/>
          <p:cNvSpPr txBox="1">
            <a:spLocks noGrp="1"/>
          </p:cNvSpPr>
          <p:nvPr>
            <p:ph type="body" idx="4"/>
          </p:nvPr>
        </p:nvSpPr>
        <p:spPr>
          <a:xfrm>
            <a:off x="395289" y="4602738"/>
            <a:ext cx="2003425" cy="148651"/>
          </a:xfrm>
          <a:prstGeom prst="rect">
            <a:avLst/>
          </a:prstGeom>
          <a:noFill/>
          <a:ln>
            <a:noFill/>
          </a:ln>
        </p:spPr>
        <p:txBody>
          <a:bodyPr spcFirstLastPara="1" wrap="square" lIns="0" tIns="0" rIns="0" bIns="0" anchor="b" anchorCtr="0"/>
          <a:lstStyle>
            <a:lvl1pPr marL="457200" lvl="0" indent="-228600" algn="l">
              <a:lnSpc>
                <a:spcPct val="90000"/>
              </a:lnSpc>
              <a:spcBef>
                <a:spcPts val="1200"/>
              </a:spcBef>
              <a:spcAft>
                <a:spcPts val="0"/>
              </a:spcAft>
              <a:buSzPts val="800"/>
              <a:buNone/>
              <a:defRPr sz="800" b="0">
                <a:solidFill>
                  <a:schemeClr val="dk2"/>
                </a:solidFill>
                <a:latin typeface="Arial"/>
                <a:ea typeface="Arial"/>
                <a:cs typeface="Arial"/>
                <a:sym typeface="Arial"/>
              </a:defRPr>
            </a:lvl1pPr>
            <a:lvl2pPr marL="914400" lvl="1" indent="-228600" algn="l">
              <a:lnSpc>
                <a:spcPct val="90000"/>
              </a:lnSpc>
              <a:spcBef>
                <a:spcPts val="1200"/>
              </a:spcBef>
              <a:spcAft>
                <a:spcPts val="0"/>
              </a:spcAft>
              <a:buSzPts val="1800"/>
              <a:buNone/>
              <a:defRPr/>
            </a:lvl2pPr>
            <a:lvl3pPr marL="1371600" lvl="2" indent="-342900" algn="l">
              <a:lnSpc>
                <a:spcPct val="90000"/>
              </a:lnSpc>
              <a:spcBef>
                <a:spcPts val="600"/>
              </a:spcBef>
              <a:spcAft>
                <a:spcPts val="0"/>
              </a:spcAft>
              <a:buSzPts val="1800"/>
              <a:buChar char="•"/>
              <a:defRPr/>
            </a:lvl3pPr>
            <a:lvl4pPr marL="1828800" lvl="3" indent="-342900" algn="l">
              <a:lnSpc>
                <a:spcPct val="90000"/>
              </a:lnSpc>
              <a:spcBef>
                <a:spcPts val="600"/>
              </a:spcBef>
              <a:spcAft>
                <a:spcPts val="0"/>
              </a:spcAft>
              <a:buSzPts val="1800"/>
              <a:buChar char="−"/>
              <a:defRPr/>
            </a:lvl4pPr>
            <a:lvl5pPr marL="2286000" lvl="4" indent="-228600" algn="l">
              <a:lnSpc>
                <a:spcPct val="90000"/>
              </a:lnSpc>
              <a:spcBef>
                <a:spcPts val="600"/>
              </a:spcBef>
              <a:spcAft>
                <a:spcPts val="0"/>
              </a:spcAft>
              <a:buSzPts val="800"/>
              <a:buFont typeface="Arial"/>
              <a:buNone/>
              <a:defRPr sz="800"/>
            </a:lvl5pPr>
            <a:lvl6pPr marL="2743200" lvl="5" indent="-342900" algn="l">
              <a:lnSpc>
                <a:spcPct val="90000"/>
              </a:lnSpc>
              <a:spcBef>
                <a:spcPts val="600"/>
              </a:spcBef>
              <a:spcAft>
                <a:spcPts val="0"/>
              </a:spcAft>
              <a:buSzPts val="1800"/>
              <a:buChar char="−"/>
              <a:defRPr/>
            </a:lvl6pPr>
            <a:lvl7pPr marL="3200400" lvl="6" indent="-342900" algn="l">
              <a:lnSpc>
                <a:spcPct val="90000"/>
              </a:lnSpc>
              <a:spcBef>
                <a:spcPts val="600"/>
              </a:spcBef>
              <a:spcAft>
                <a:spcPts val="0"/>
              </a:spcAft>
              <a:buSzPts val="1800"/>
              <a:buChar char="−"/>
              <a:defRPr/>
            </a:lvl7pPr>
            <a:lvl8pPr marL="3657600" lvl="7" indent="-342900" algn="l">
              <a:lnSpc>
                <a:spcPct val="90000"/>
              </a:lnSpc>
              <a:spcBef>
                <a:spcPts val="600"/>
              </a:spcBef>
              <a:spcAft>
                <a:spcPts val="0"/>
              </a:spcAft>
              <a:buSzPts val="1800"/>
              <a:buChar char="−"/>
              <a:defRPr/>
            </a:lvl8pPr>
            <a:lvl9pPr marL="4114800" lvl="8" indent="-342900" algn="l">
              <a:lnSpc>
                <a:spcPct val="90000"/>
              </a:lnSpc>
              <a:spcBef>
                <a:spcPts val="600"/>
              </a:spcBef>
              <a:spcAft>
                <a:spcPts val="600"/>
              </a:spcAft>
              <a:buSzPts val="1800"/>
              <a:buChar char="−"/>
              <a:defRPr/>
            </a:lvl9pPr>
          </a:lstStyle>
          <a:p>
            <a:endParaRPr/>
          </a:p>
        </p:txBody>
      </p:sp>
      <p:sp>
        <p:nvSpPr>
          <p:cNvPr id="61" name="Google Shape;61;p14"/>
          <p:cNvSpPr txBox="1">
            <a:spLocks noGrp="1"/>
          </p:cNvSpPr>
          <p:nvPr>
            <p:ph type="subTitle" idx="5"/>
          </p:nvPr>
        </p:nvSpPr>
        <p:spPr>
          <a:xfrm>
            <a:off x="395290" y="2608265"/>
            <a:ext cx="5081585" cy="525462"/>
          </a:xfrm>
          <a:prstGeom prst="rect">
            <a:avLst/>
          </a:prstGeom>
          <a:noFill/>
          <a:ln>
            <a:noFill/>
          </a:ln>
        </p:spPr>
        <p:txBody>
          <a:bodyPr spcFirstLastPara="1" wrap="square" lIns="0" tIns="0" rIns="0" bIns="0" anchor="t" anchorCtr="0"/>
          <a:lstStyle>
            <a:lvl1pPr lvl="0" algn="l">
              <a:lnSpc>
                <a:spcPct val="90000"/>
              </a:lnSpc>
              <a:spcBef>
                <a:spcPts val="0"/>
              </a:spcBef>
              <a:spcAft>
                <a:spcPts val="0"/>
              </a:spcAft>
              <a:buSzPts val="1600"/>
              <a:buNone/>
              <a:defRPr sz="1600" b="0">
                <a:solidFill>
                  <a:schemeClr val="dk1"/>
                </a:solidFill>
              </a:defRPr>
            </a:lvl1pPr>
            <a:lvl2pPr lvl="1" algn="ctr">
              <a:lnSpc>
                <a:spcPct val="90000"/>
              </a:lnSpc>
              <a:spcBef>
                <a:spcPts val="0"/>
              </a:spcBef>
              <a:spcAft>
                <a:spcPts val="0"/>
              </a:spcAft>
              <a:buSzPts val="1400"/>
              <a:buNone/>
              <a:defRPr>
                <a:solidFill>
                  <a:srgbClr val="888888"/>
                </a:solidFill>
              </a:defRPr>
            </a:lvl2pPr>
            <a:lvl3pPr lvl="2" algn="ctr">
              <a:lnSpc>
                <a:spcPct val="90000"/>
              </a:lnSpc>
              <a:spcBef>
                <a:spcPts val="600"/>
              </a:spcBef>
              <a:spcAft>
                <a:spcPts val="0"/>
              </a:spcAft>
              <a:buSzPts val="1200"/>
              <a:buNone/>
              <a:defRPr>
                <a:solidFill>
                  <a:srgbClr val="888888"/>
                </a:solidFill>
              </a:defRPr>
            </a:lvl3pPr>
            <a:lvl4pPr lvl="3" algn="ctr">
              <a:lnSpc>
                <a:spcPct val="90000"/>
              </a:lnSpc>
              <a:spcBef>
                <a:spcPts val="600"/>
              </a:spcBef>
              <a:spcAft>
                <a:spcPts val="0"/>
              </a:spcAft>
              <a:buSzPts val="1200"/>
              <a:buNone/>
              <a:defRPr>
                <a:solidFill>
                  <a:srgbClr val="888888"/>
                </a:solidFill>
              </a:defRPr>
            </a:lvl4pPr>
            <a:lvl5pPr lvl="4" algn="ctr">
              <a:lnSpc>
                <a:spcPct val="90000"/>
              </a:lnSpc>
              <a:spcBef>
                <a:spcPts val="600"/>
              </a:spcBef>
              <a:spcAft>
                <a:spcPts val="0"/>
              </a:spcAft>
              <a:buSzPts val="1200"/>
              <a:buNone/>
              <a:defRPr>
                <a:solidFill>
                  <a:srgbClr val="888888"/>
                </a:solidFill>
              </a:defRPr>
            </a:lvl5pPr>
            <a:lvl6pPr lvl="5" algn="ctr">
              <a:lnSpc>
                <a:spcPct val="90000"/>
              </a:lnSpc>
              <a:spcBef>
                <a:spcPts val="600"/>
              </a:spcBef>
              <a:spcAft>
                <a:spcPts val="0"/>
              </a:spcAft>
              <a:buSzPts val="1200"/>
              <a:buNone/>
              <a:defRPr>
                <a:solidFill>
                  <a:srgbClr val="888888"/>
                </a:solidFill>
              </a:defRPr>
            </a:lvl6pPr>
            <a:lvl7pPr lvl="6" algn="ctr">
              <a:lnSpc>
                <a:spcPct val="90000"/>
              </a:lnSpc>
              <a:spcBef>
                <a:spcPts val="600"/>
              </a:spcBef>
              <a:spcAft>
                <a:spcPts val="0"/>
              </a:spcAft>
              <a:buSzPts val="1200"/>
              <a:buNone/>
              <a:defRPr>
                <a:solidFill>
                  <a:srgbClr val="888888"/>
                </a:solidFill>
              </a:defRPr>
            </a:lvl7pPr>
            <a:lvl8pPr lvl="7" algn="ctr">
              <a:lnSpc>
                <a:spcPct val="90000"/>
              </a:lnSpc>
              <a:spcBef>
                <a:spcPts val="600"/>
              </a:spcBef>
              <a:spcAft>
                <a:spcPts val="0"/>
              </a:spcAft>
              <a:buSzPts val="1200"/>
              <a:buNone/>
              <a:defRPr>
                <a:solidFill>
                  <a:srgbClr val="888888"/>
                </a:solidFill>
              </a:defRPr>
            </a:lvl8pPr>
            <a:lvl9pPr lvl="8" algn="ctr">
              <a:lnSpc>
                <a:spcPct val="90000"/>
              </a:lnSpc>
              <a:spcBef>
                <a:spcPts val="600"/>
              </a:spcBef>
              <a:spcAft>
                <a:spcPts val="600"/>
              </a:spcAft>
              <a:buSzPts val="1200"/>
              <a:buNone/>
              <a:defRPr>
                <a:solidFill>
                  <a:srgbClr val="888888"/>
                </a:solidFill>
              </a:defRPr>
            </a:lvl9pPr>
          </a:lstStyle>
          <a:p>
            <a:endParaRPr/>
          </a:p>
        </p:txBody>
      </p:sp>
      <p:sp>
        <p:nvSpPr>
          <p:cNvPr id="62" name="Google Shape;62;p14"/>
          <p:cNvSpPr txBox="1">
            <a:spLocks noGrp="1"/>
          </p:cNvSpPr>
          <p:nvPr>
            <p:ph type="title"/>
          </p:nvPr>
        </p:nvSpPr>
        <p:spPr>
          <a:xfrm>
            <a:off x="395291" y="1155919"/>
            <a:ext cx="5081584" cy="1189042"/>
          </a:xfrm>
          <a:prstGeom prst="rect">
            <a:avLst/>
          </a:prstGeom>
          <a:noFill/>
          <a:ln>
            <a:noFill/>
          </a:ln>
        </p:spPr>
        <p:txBody>
          <a:bodyPr spcFirstLastPara="1" wrap="square" lIns="0" tIns="0" rIns="0" bIns="0" anchor="b" anchorCtr="0"/>
          <a:lstStyle>
            <a:lvl1pPr lvl="0" algn="l">
              <a:lnSpc>
                <a:spcPct val="90000"/>
              </a:lnSpc>
              <a:spcBef>
                <a:spcPts val="0"/>
              </a:spcBef>
              <a:spcAft>
                <a:spcPts val="0"/>
              </a:spcAft>
              <a:buClr>
                <a:schemeClr val="dk1"/>
              </a:buClr>
              <a:buSzPts val="4000"/>
              <a:buFont typeface="Arial"/>
              <a:buNone/>
              <a:defRPr sz="4000"/>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63" name="Google Shape;63;p14"/>
          <p:cNvSpPr/>
          <p:nvPr/>
        </p:nvSpPr>
        <p:spPr>
          <a:xfrm>
            <a:off x="5561174" y="1381517"/>
            <a:ext cx="3582826" cy="3761983"/>
          </a:xfrm>
          <a:custGeom>
            <a:avLst/>
            <a:gdLst/>
            <a:ahLst/>
            <a:cxnLst/>
            <a:rect l="l" t="t" r="r" b="b"/>
            <a:pathLst>
              <a:path w="3582826" h="3761983" extrusionOk="0">
                <a:moveTo>
                  <a:pt x="1699109" y="0"/>
                </a:moveTo>
                <a:cubicBezTo>
                  <a:pt x="2366545" y="0"/>
                  <a:pt x="2986591" y="222492"/>
                  <a:pt x="3500932" y="603529"/>
                </a:cubicBezTo>
                <a:lnTo>
                  <a:pt x="3582826" y="670682"/>
                </a:lnTo>
                <a:lnTo>
                  <a:pt x="3582826" y="3761983"/>
                </a:lnTo>
                <a:lnTo>
                  <a:pt x="3262516" y="3761983"/>
                </a:lnTo>
                <a:lnTo>
                  <a:pt x="3283901" y="3533863"/>
                </a:lnTo>
                <a:cubicBezTo>
                  <a:pt x="3283901" y="2558687"/>
                  <a:pt x="2548775" y="1768151"/>
                  <a:pt x="1641950" y="1768151"/>
                </a:cubicBezTo>
                <a:lnTo>
                  <a:pt x="1641950" y="1768153"/>
                </a:lnTo>
                <a:lnTo>
                  <a:pt x="1644218" y="1768276"/>
                </a:lnTo>
                <a:lnTo>
                  <a:pt x="1644218" y="3761983"/>
                </a:lnTo>
                <a:lnTo>
                  <a:pt x="1641950" y="3761983"/>
                </a:lnTo>
                <a:lnTo>
                  <a:pt x="1635602" y="3761983"/>
                </a:lnTo>
                <a:lnTo>
                  <a:pt x="21384" y="3761983"/>
                </a:lnTo>
                <a:lnTo>
                  <a:pt x="0" y="3533865"/>
                </a:lnTo>
                <a:cubicBezTo>
                  <a:pt x="0" y="2619638"/>
                  <a:pt x="646107" y="1867691"/>
                  <a:pt x="1474070" y="1777269"/>
                </a:cubicBezTo>
                <a:lnTo>
                  <a:pt x="1635602" y="1768498"/>
                </a:lnTo>
                <a:lnTo>
                  <a:pt x="1635602" y="1761"/>
                </a:lnTo>
                <a:cubicBezTo>
                  <a:pt x="1656709" y="226"/>
                  <a:pt x="1677886" y="0"/>
                  <a:pt x="1699109" y="0"/>
                </a:cubicBezTo>
                <a:close/>
              </a:path>
            </a:pathLst>
          </a:custGeom>
          <a:solidFill>
            <a:schemeClr val="accent1"/>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350" b="0" i="0" u="none" strike="noStrike" cap="none">
              <a:solidFill>
                <a:schemeClr val="lt1"/>
              </a:solidFill>
              <a:latin typeface="Arial"/>
              <a:ea typeface="Arial"/>
              <a:cs typeface="Arial"/>
              <a:sym typeface="Arial"/>
            </a:endParaRPr>
          </a:p>
        </p:txBody>
      </p:sp>
      <p:sp>
        <p:nvSpPr>
          <p:cNvPr id="64" name="Google Shape;64;p14"/>
          <p:cNvSpPr/>
          <p:nvPr/>
        </p:nvSpPr>
        <p:spPr>
          <a:xfrm>
            <a:off x="396876" y="395288"/>
            <a:ext cx="649288" cy="554037"/>
          </a:xfrm>
          <a:custGeom>
            <a:avLst/>
            <a:gdLst/>
            <a:ahLst/>
            <a:cxnLst/>
            <a:rect l="l" t="t" r="r" b="b"/>
            <a:pathLst>
              <a:path w="3780" h="3220" extrusionOk="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dk1"/>
          </a:solidFill>
          <a:ln>
            <a:noFill/>
          </a:ln>
        </p:spPr>
        <p:txBody>
          <a:bodyPr spcFirstLastPara="1" wrap="square" lIns="91425" tIns="45700" rIns="91425" bIns="45700" anchor="t" anchorCtr="0">
            <a:noAutofit/>
          </a:bodyPr>
          <a:lstStyle/>
          <a:p>
            <a:pPr marL="0" marR="0" lvl="0" indent="0" algn="l" rtl="0">
              <a:spcBef>
                <a:spcPts val="0"/>
              </a:spcBef>
              <a:spcAft>
                <a:spcPts val="0"/>
              </a:spcAft>
              <a:buNone/>
            </a:pPr>
            <a:endParaRPr sz="1350">
              <a:solidFill>
                <a:schemeClr val="dk1"/>
              </a:solidFill>
              <a:latin typeface="Arial"/>
              <a:ea typeface="Arial"/>
              <a:cs typeface="Arial"/>
              <a:sym typeface="Arial"/>
            </a:endParaRPr>
          </a:p>
        </p:txBody>
      </p:sp>
    </p:spTree>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63"/>
                                        </p:tgtEl>
                                        <p:attrNameLst>
                                          <p:attrName>style.visibility</p:attrName>
                                        </p:attrNameLst>
                                      </p:cBhvr>
                                      <p:to>
                                        <p:strVal val="visible"/>
                                      </p:to>
                                    </p:set>
                                    <p:animEffect transition="in" filter="fade">
                                      <p:cBhvr>
                                        <p:cTn id="7" dur="1000"/>
                                        <p:tgtEl>
                                          <p:spTgt spid="6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Title Only">
  <p:cSld name="Title Only">
    <p:spTree>
      <p:nvGrpSpPr>
        <p:cNvPr id="1" name="Shape 273"/>
        <p:cNvGrpSpPr/>
        <p:nvPr/>
      </p:nvGrpSpPr>
      <p:grpSpPr>
        <a:xfrm>
          <a:off x="0" y="0"/>
          <a:ext cx="0" cy="0"/>
          <a:chOff x="0" y="0"/>
          <a:chExt cx="0" cy="0"/>
        </a:xfrm>
      </p:grpSpPr>
      <p:sp>
        <p:nvSpPr>
          <p:cNvPr id="274" name="Google Shape;274;p44"/>
          <p:cNvSpPr txBox="1">
            <a:spLocks noGrp="1"/>
          </p:cNvSpPr>
          <p:nvPr>
            <p:ph type="title"/>
          </p:nvPr>
        </p:nvSpPr>
        <p:spPr>
          <a:xfrm>
            <a:off x="395289" y="396875"/>
            <a:ext cx="8353424" cy="298451"/>
          </a:xfrm>
          <a:prstGeom prst="rect">
            <a:avLst/>
          </a:prstGeom>
          <a:noFill/>
          <a:ln>
            <a:noFill/>
          </a:ln>
        </p:spPr>
        <p:txBody>
          <a:bodyPr spcFirstLastPara="1" wrap="square" lIns="0" tIns="0" rIns="0" bIns="0" anchor="t" anchorCtr="0"/>
          <a:lstStyle>
            <a:lvl1pPr lvl="0" algn="l">
              <a:lnSpc>
                <a:spcPct val="80000"/>
              </a:lnSpc>
              <a:spcBef>
                <a:spcPts val="0"/>
              </a:spcBef>
              <a:spcAft>
                <a:spcPts val="0"/>
              </a:spcAft>
              <a:buClr>
                <a:schemeClr val="dk1"/>
              </a:buClr>
              <a:buSzPts val="1800"/>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275" name="Google Shape;275;p44"/>
          <p:cNvSpPr txBox="1">
            <a:spLocks noGrp="1"/>
          </p:cNvSpPr>
          <p:nvPr>
            <p:ph type="dt" idx="10"/>
          </p:nvPr>
        </p:nvSpPr>
        <p:spPr>
          <a:xfrm>
            <a:off x="7535918" y="4870801"/>
            <a:ext cx="1212796" cy="98339"/>
          </a:xfrm>
          <a:prstGeom prst="rect">
            <a:avLst/>
          </a:prstGeom>
          <a:noFill/>
          <a:ln>
            <a:noFill/>
          </a:ln>
        </p:spPr>
        <p:txBody>
          <a:bodyPr spcFirstLastPara="1" wrap="square" lIns="0" tIns="0" rIns="0" bIns="0" anchor="t" anchorCtr="0"/>
          <a:lstStyle>
            <a:lvl1pPr lvl="0" algn="r">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276" name="Google Shape;276;p44"/>
          <p:cNvSpPr txBox="1">
            <a:spLocks noGrp="1"/>
          </p:cNvSpPr>
          <p:nvPr>
            <p:ph type="ftr" idx="11"/>
          </p:nvPr>
        </p:nvSpPr>
        <p:spPr>
          <a:xfrm>
            <a:off x="395289" y="4870713"/>
            <a:ext cx="3963807" cy="98427"/>
          </a:xfrm>
          <a:prstGeom prst="rect">
            <a:avLst/>
          </a:prstGeom>
          <a:noFill/>
          <a:ln>
            <a:noFill/>
          </a:ln>
        </p:spPr>
        <p:txBody>
          <a:bodyPr spcFirstLastPara="1" wrap="square" lIns="0" tIns="0" rIns="0" bIns="0" anchor="t" anchorCtr="0"/>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277" name="Google Shape;277;p44"/>
          <p:cNvSpPr txBox="1">
            <a:spLocks noGrp="1"/>
          </p:cNvSpPr>
          <p:nvPr>
            <p:ph type="sldNum" idx="12"/>
          </p:nvPr>
        </p:nvSpPr>
        <p:spPr>
          <a:xfrm>
            <a:off x="4359096" y="4873627"/>
            <a:ext cx="425807" cy="98426"/>
          </a:xfrm>
          <a:prstGeom prst="rect">
            <a:avLst/>
          </a:prstGeom>
          <a:noFill/>
          <a:ln>
            <a:noFill/>
          </a:ln>
        </p:spPr>
        <p:txBody>
          <a:bodyPr spcFirstLastPara="1" wrap="square" lIns="0" tIns="0" rIns="0" bIns="0" anchor="t" anchorCtr="0">
            <a:noAutofit/>
          </a:bodyPr>
          <a:lstStyle>
            <a:lvl1pPr marL="0" lvl="0" indent="0" algn="ctr">
              <a:spcBef>
                <a:spcPts val="0"/>
              </a:spcBef>
              <a:buNone/>
              <a:defRPr>
                <a:solidFill>
                  <a:srgbClr val="000000"/>
                </a:solidFill>
              </a:defRPr>
            </a:lvl1pPr>
            <a:lvl2pPr marL="0" lvl="1" indent="0" algn="ctr">
              <a:spcBef>
                <a:spcPts val="0"/>
              </a:spcBef>
              <a:buNone/>
              <a:defRPr>
                <a:solidFill>
                  <a:srgbClr val="000000"/>
                </a:solidFill>
              </a:defRPr>
            </a:lvl2pPr>
            <a:lvl3pPr marL="0" lvl="2" indent="0" algn="ctr">
              <a:spcBef>
                <a:spcPts val="0"/>
              </a:spcBef>
              <a:buNone/>
              <a:defRPr>
                <a:solidFill>
                  <a:srgbClr val="000000"/>
                </a:solidFill>
              </a:defRPr>
            </a:lvl3pPr>
            <a:lvl4pPr marL="0" lvl="3" indent="0" algn="ctr">
              <a:spcBef>
                <a:spcPts val="0"/>
              </a:spcBef>
              <a:buNone/>
              <a:defRPr>
                <a:solidFill>
                  <a:srgbClr val="000000"/>
                </a:solidFill>
              </a:defRPr>
            </a:lvl4pPr>
            <a:lvl5pPr marL="0" lvl="4" indent="0" algn="ctr">
              <a:spcBef>
                <a:spcPts val="0"/>
              </a:spcBef>
              <a:buNone/>
              <a:defRPr>
                <a:solidFill>
                  <a:srgbClr val="000000"/>
                </a:solidFill>
              </a:defRPr>
            </a:lvl5pPr>
            <a:lvl6pPr marL="0" lvl="5" indent="0" algn="ctr">
              <a:spcBef>
                <a:spcPts val="0"/>
              </a:spcBef>
              <a:buNone/>
              <a:defRPr>
                <a:solidFill>
                  <a:srgbClr val="000000"/>
                </a:solidFill>
              </a:defRPr>
            </a:lvl6pPr>
            <a:lvl7pPr marL="0" lvl="6" indent="0" algn="ctr">
              <a:spcBef>
                <a:spcPts val="0"/>
              </a:spcBef>
              <a:buNone/>
              <a:defRPr>
                <a:solidFill>
                  <a:srgbClr val="000000"/>
                </a:solidFill>
              </a:defRPr>
            </a:lvl7pPr>
            <a:lvl8pPr marL="0" lvl="7" indent="0" algn="ctr">
              <a:spcBef>
                <a:spcPts val="0"/>
              </a:spcBef>
              <a:buNone/>
              <a:defRPr>
                <a:solidFill>
                  <a:srgbClr val="000000"/>
                </a:solidFill>
              </a:defRPr>
            </a:lvl8pPr>
            <a:lvl9pPr marL="0" lvl="8" indent="0" algn="ctr">
              <a:spcBef>
                <a:spcPts val="0"/>
              </a:spcBef>
              <a:buNone/>
              <a:defRPr>
                <a:solidFill>
                  <a:srgbClr val="000000"/>
                </a:solidFill>
              </a:defRPr>
            </a:lvl9pPr>
          </a:lstStyle>
          <a:p>
            <a:pPr marL="0" lvl="0" indent="0" algn="ctr" rtl="0">
              <a:spcBef>
                <a:spcPts val="0"/>
              </a:spcBef>
              <a:spcAft>
                <a:spcPts val="0"/>
              </a:spcAft>
              <a:buNone/>
            </a:pPr>
            <a:fld id="{00000000-1234-1234-1234-123412341234}" type="slidenum">
              <a:rPr lang="en-GB"/>
              <a:t>‹#›</a:t>
            </a:fld>
            <a:endParaRPr/>
          </a:p>
        </p:txBody>
      </p:sp>
      <p:sp>
        <p:nvSpPr>
          <p:cNvPr id="278" name="Google Shape;278;p44"/>
          <p:cNvSpPr txBox="1">
            <a:spLocks noGrp="1"/>
          </p:cNvSpPr>
          <p:nvPr>
            <p:ph type="body" idx="1"/>
          </p:nvPr>
        </p:nvSpPr>
        <p:spPr>
          <a:xfrm>
            <a:off x="395288" y="781051"/>
            <a:ext cx="8353425" cy="230188"/>
          </a:xfrm>
          <a:prstGeom prst="rect">
            <a:avLst/>
          </a:prstGeom>
          <a:noFill/>
          <a:ln>
            <a:noFill/>
          </a:ln>
        </p:spPr>
        <p:txBody>
          <a:bodyPr spcFirstLastPara="1" wrap="square" lIns="0" tIns="0" rIns="0" bIns="0" anchor="t" anchorCtr="0"/>
          <a:lstStyle>
            <a:lvl1pPr marL="457200" lvl="0" indent="-228600" algn="l">
              <a:lnSpc>
                <a:spcPct val="100000"/>
              </a:lnSpc>
              <a:spcBef>
                <a:spcPts val="0"/>
              </a:spcBef>
              <a:spcAft>
                <a:spcPts val="0"/>
              </a:spcAft>
              <a:buSzPts val="1600"/>
              <a:buFont typeface="Arial"/>
              <a:buNone/>
              <a:defRPr sz="1600">
                <a:solidFill>
                  <a:schemeClr val="dk2"/>
                </a:solidFill>
              </a:defRPr>
            </a:lvl1pPr>
            <a:lvl2pPr marL="914400" lvl="1" indent="-228600" algn="l">
              <a:lnSpc>
                <a:spcPct val="100000"/>
              </a:lnSpc>
              <a:spcBef>
                <a:spcPts val="1200"/>
              </a:spcBef>
              <a:spcAft>
                <a:spcPts val="0"/>
              </a:spcAft>
              <a:buSzPts val="1600"/>
              <a:buFont typeface="Arial"/>
              <a:buNone/>
              <a:defRPr sz="1600">
                <a:solidFill>
                  <a:schemeClr val="accent1"/>
                </a:solidFill>
              </a:defRPr>
            </a:lvl2pPr>
            <a:lvl3pPr marL="1371600" lvl="2" indent="-228600" algn="l">
              <a:lnSpc>
                <a:spcPct val="100000"/>
              </a:lnSpc>
              <a:spcBef>
                <a:spcPts val="600"/>
              </a:spcBef>
              <a:spcAft>
                <a:spcPts val="0"/>
              </a:spcAft>
              <a:buSzPts val="1600"/>
              <a:buFont typeface="Arial"/>
              <a:buNone/>
              <a:defRPr sz="1600">
                <a:solidFill>
                  <a:schemeClr val="accent1"/>
                </a:solidFill>
              </a:defRPr>
            </a:lvl3pPr>
            <a:lvl4pPr marL="1828800" lvl="3" indent="-228600" algn="l">
              <a:lnSpc>
                <a:spcPct val="100000"/>
              </a:lnSpc>
              <a:spcBef>
                <a:spcPts val="600"/>
              </a:spcBef>
              <a:spcAft>
                <a:spcPts val="0"/>
              </a:spcAft>
              <a:buSzPts val="1600"/>
              <a:buFont typeface="Arial"/>
              <a:buNone/>
              <a:defRPr sz="1600">
                <a:solidFill>
                  <a:schemeClr val="accent1"/>
                </a:solidFill>
              </a:defRPr>
            </a:lvl4pPr>
            <a:lvl5pPr marL="2286000" lvl="4" indent="-228600" algn="l">
              <a:lnSpc>
                <a:spcPct val="100000"/>
              </a:lnSpc>
              <a:spcBef>
                <a:spcPts val="600"/>
              </a:spcBef>
              <a:spcAft>
                <a:spcPts val="0"/>
              </a:spcAft>
              <a:buSzPts val="1600"/>
              <a:buFont typeface="Arial"/>
              <a:buNone/>
              <a:defRPr sz="1600">
                <a:solidFill>
                  <a:schemeClr val="accent1"/>
                </a:solidFill>
              </a:defRPr>
            </a:lvl5pPr>
            <a:lvl6pPr marL="2743200" lvl="5" indent="-342900" algn="l">
              <a:lnSpc>
                <a:spcPct val="90000"/>
              </a:lnSpc>
              <a:spcBef>
                <a:spcPts val="600"/>
              </a:spcBef>
              <a:spcAft>
                <a:spcPts val="0"/>
              </a:spcAft>
              <a:buSzPts val="1800"/>
              <a:buChar char="−"/>
              <a:defRPr/>
            </a:lvl6pPr>
            <a:lvl7pPr marL="3200400" lvl="6" indent="-342900" algn="l">
              <a:lnSpc>
                <a:spcPct val="90000"/>
              </a:lnSpc>
              <a:spcBef>
                <a:spcPts val="600"/>
              </a:spcBef>
              <a:spcAft>
                <a:spcPts val="0"/>
              </a:spcAft>
              <a:buSzPts val="1800"/>
              <a:buChar char="−"/>
              <a:defRPr/>
            </a:lvl7pPr>
            <a:lvl8pPr marL="3657600" lvl="7" indent="-342900" algn="l">
              <a:lnSpc>
                <a:spcPct val="90000"/>
              </a:lnSpc>
              <a:spcBef>
                <a:spcPts val="600"/>
              </a:spcBef>
              <a:spcAft>
                <a:spcPts val="0"/>
              </a:spcAft>
              <a:buSzPts val="1800"/>
              <a:buChar char="−"/>
              <a:defRPr/>
            </a:lvl8pPr>
            <a:lvl9pPr marL="4114800" lvl="8" indent="-342900" algn="l">
              <a:lnSpc>
                <a:spcPct val="90000"/>
              </a:lnSpc>
              <a:spcBef>
                <a:spcPts val="600"/>
              </a:spcBef>
              <a:spcAft>
                <a:spcPts val="600"/>
              </a:spcAft>
              <a:buSzPts val="1800"/>
              <a:buChar char="−"/>
              <a:defRPr/>
            </a:lvl9pPr>
          </a:lstStyle>
          <a:p>
            <a:endParaRPr/>
          </a:p>
        </p:txBody>
      </p:sp>
    </p:spTree>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blank">
  <p:cSld name="Blank (Stone)">
    <p:bg>
      <p:bgPr>
        <a:solidFill>
          <a:schemeClr val="bg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23637374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Title Only (Stone)">
    <p:bg>
      <p:bgPr>
        <a:solidFill>
          <a:schemeClr val="bg2"/>
        </a:solidFill>
        <a:effectLst/>
      </p:bgPr>
    </p:bg>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62EC735F-6046-4C2B-B84E-0EBB20F2AEA8}"/>
              </a:ext>
            </a:extLst>
          </p:cNvPr>
          <p:cNvSpPr>
            <a:spLocks noGrp="1"/>
          </p:cNvSpPr>
          <p:nvPr>
            <p:ph type="sldNum" sz="quarter" idx="12"/>
          </p:nvPr>
        </p:nvSpPr>
        <p:spPr/>
        <p:txBody>
          <a:bodyPr/>
          <a:lstStyle/>
          <a:p>
            <a:pPr defTabSz="914150"/>
            <a:fld id="{2490C926-4C7A-4456-B603-8FB00524CD8E}" type="slidenum">
              <a:rPr lang="en-GB" smtClean="0">
                <a:solidFill>
                  <a:prstClr val="black"/>
                </a:solidFill>
              </a:rPr>
              <a:pPr defTabSz="914150"/>
              <a:t>‹#›</a:t>
            </a:fld>
            <a:endParaRPr lang="en-GB">
              <a:solidFill>
                <a:prstClr val="black"/>
              </a:solidFill>
            </a:endParaRPr>
          </a:p>
        </p:txBody>
      </p:sp>
      <p:sp>
        <p:nvSpPr>
          <p:cNvPr id="5" name="Footer">
            <a:extLst>
              <a:ext uri="{FF2B5EF4-FFF2-40B4-BE49-F238E27FC236}">
                <a16:creationId xmlns:a16="http://schemas.microsoft.com/office/drawing/2014/main" id="{F3797B77-95C3-45FF-928C-AC8F57FC3390}"/>
              </a:ext>
            </a:extLst>
          </p:cNvPr>
          <p:cNvSpPr>
            <a:spLocks noGrp="1"/>
          </p:cNvSpPr>
          <p:nvPr>
            <p:ph type="ftr" sz="quarter" idx="13"/>
          </p:nvPr>
        </p:nvSpPr>
        <p:spPr>
          <a:xfrm>
            <a:off x="395289" y="4904054"/>
            <a:ext cx="3750735" cy="107337"/>
          </a:xfrm>
        </p:spPr>
        <p:txBody>
          <a:bodyPr/>
          <a:lstStyle/>
          <a:p>
            <a:endParaRPr lang="en-US"/>
          </a:p>
        </p:txBody>
      </p:sp>
      <p:sp>
        <p:nvSpPr>
          <p:cNvPr id="3" name="Title 2">
            <a:extLst>
              <a:ext uri="{FF2B5EF4-FFF2-40B4-BE49-F238E27FC236}">
                <a16:creationId xmlns:a16="http://schemas.microsoft.com/office/drawing/2014/main" id="{3A17CDED-60BC-429B-AAEE-6FDE38213F7D}"/>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E4EA79A-EB5D-42F2-A79A-91D2B179EB78}"/>
              </a:ext>
            </a:extLst>
          </p:cNvPr>
          <p:cNvSpPr>
            <a:spLocks noGrp="1"/>
          </p:cNvSpPr>
          <p:nvPr>
            <p:ph type="subTitle" idx="14" hasCustomPrompt="1"/>
          </p:nvPr>
        </p:nvSpPr>
        <p:spPr>
          <a:xfrm>
            <a:off x="395287" y="756703"/>
            <a:ext cx="8353424" cy="253916"/>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1650" b="0">
                <a:solidFill>
                  <a:schemeClr val="tx1"/>
                </a:solidFill>
              </a:defRPr>
            </a:lvl1pPr>
            <a:lvl2pPr marL="0" indent="0" algn="l">
              <a:spcBef>
                <a:spcPts val="0"/>
              </a:spcBef>
              <a:spcAft>
                <a:spcPts val="0"/>
              </a:spcAft>
              <a:buFont typeface="Arial" panose="020B0604020202020204" pitchFamily="34" charset="0"/>
              <a:buNone/>
              <a:defRPr sz="1350">
                <a:solidFill>
                  <a:schemeClr val="tx1"/>
                </a:solidFill>
              </a:defRPr>
            </a:lvl2pPr>
            <a:lvl3pPr marL="0" indent="0" algn="l">
              <a:spcBef>
                <a:spcPts val="0"/>
              </a:spcBef>
              <a:spcAft>
                <a:spcPts val="0"/>
              </a:spcAft>
              <a:buFont typeface="Arial" panose="020B0604020202020204" pitchFamily="34" charset="0"/>
              <a:buNone/>
              <a:defRPr sz="1350" b="1">
                <a:solidFill>
                  <a:schemeClr val="accent1"/>
                </a:solidFill>
              </a:defRPr>
            </a:lvl3pPr>
            <a:lvl4pPr marL="0" indent="0" algn="l">
              <a:spcBef>
                <a:spcPts val="0"/>
              </a:spcBef>
              <a:spcAft>
                <a:spcPts val="0"/>
              </a:spcAft>
              <a:buFont typeface="Arial" panose="020B0604020202020204" pitchFamily="34" charset="0"/>
              <a:buNone/>
              <a:defRPr sz="1350">
                <a:solidFill>
                  <a:schemeClr val="tx1"/>
                </a:solidFill>
              </a:defRPr>
            </a:lvl4pPr>
            <a:lvl5pPr marL="0" indent="0" algn="l">
              <a:spcBef>
                <a:spcPts val="0"/>
              </a:spcBef>
              <a:spcAft>
                <a:spcPts val="0"/>
              </a:spcAft>
              <a:buFont typeface="Arial" panose="020B0604020202020204" pitchFamily="34" charset="0"/>
              <a:buNone/>
              <a:defRPr sz="1350">
                <a:solidFill>
                  <a:schemeClr val="tx1"/>
                </a:solidFill>
              </a:defRPr>
            </a:lvl5pPr>
            <a:lvl6pPr marL="0" indent="0" algn="l">
              <a:spcBef>
                <a:spcPts val="0"/>
              </a:spcBef>
              <a:spcAft>
                <a:spcPts val="0"/>
              </a:spcAft>
              <a:buFont typeface="Arial" panose="020B0604020202020204" pitchFamily="34" charset="0"/>
              <a:buNone/>
              <a:defRPr sz="1350">
                <a:solidFill>
                  <a:schemeClr val="tx1"/>
                </a:solidFill>
              </a:defRPr>
            </a:lvl6pPr>
            <a:lvl7pPr marL="0" indent="0" algn="l">
              <a:spcBef>
                <a:spcPts val="0"/>
              </a:spcBef>
              <a:spcAft>
                <a:spcPts val="0"/>
              </a:spcAft>
              <a:buFont typeface="Arial" panose="020B0604020202020204" pitchFamily="34" charset="0"/>
              <a:buNone/>
              <a:defRPr sz="1350">
                <a:solidFill>
                  <a:schemeClr val="tx1"/>
                </a:solidFill>
              </a:defRPr>
            </a:lvl7pPr>
            <a:lvl8pPr marL="0" indent="0" algn="l">
              <a:spcBef>
                <a:spcPts val="0"/>
              </a:spcBef>
              <a:spcAft>
                <a:spcPts val="0"/>
              </a:spcAft>
              <a:buFont typeface="Arial" panose="020B0604020202020204" pitchFamily="34" charset="0"/>
              <a:buNone/>
              <a:defRPr sz="1350">
                <a:solidFill>
                  <a:schemeClr val="tx1"/>
                </a:solidFill>
              </a:defRPr>
            </a:lvl8pPr>
            <a:lvl9pPr marL="0" indent="0" algn="l">
              <a:spcBef>
                <a:spcPts val="0"/>
              </a:spcBef>
              <a:spcAft>
                <a:spcPts val="0"/>
              </a:spcAft>
              <a:buFont typeface="Arial" panose="020B0604020202020204" pitchFamily="34" charset="0"/>
              <a:buNone/>
              <a:defRPr sz="1350">
                <a:solidFill>
                  <a:schemeClr val="tx1"/>
                </a:solidFill>
              </a:defRPr>
            </a:lvl9pPr>
          </a:lstStyle>
          <a:p>
            <a:pPr lvl="0"/>
            <a:r>
              <a:rPr lang="en-US"/>
              <a:t>Subtitle – 1 line only</a:t>
            </a:r>
          </a:p>
        </p:txBody>
      </p:sp>
    </p:spTree>
    <p:extLst>
      <p:ext uri="{BB962C8B-B14F-4D97-AF65-F5344CB8AC3E}">
        <p14:creationId xmlns:p14="http://schemas.microsoft.com/office/powerpoint/2010/main" val="1920647241"/>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914150"/>
            <a:fld id="{2490C926-4C7A-4456-B603-8FB00524CD8E}" type="slidenum">
              <a:rPr lang="en-GB" smtClean="0">
                <a:solidFill>
                  <a:prstClr val="black"/>
                </a:solidFill>
              </a:rPr>
              <a:pPr defTabSz="914150"/>
              <a:t>‹#›</a:t>
            </a:fld>
            <a:endParaRPr lang="en-GB">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395287" y="756703"/>
            <a:ext cx="8353424" cy="253916"/>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1650" b="0">
                <a:solidFill>
                  <a:schemeClr val="tx1"/>
                </a:solidFill>
              </a:defRPr>
            </a:lvl1pPr>
            <a:lvl2pPr marL="0" indent="0" algn="l">
              <a:spcBef>
                <a:spcPts val="0"/>
              </a:spcBef>
              <a:spcAft>
                <a:spcPts val="0"/>
              </a:spcAft>
              <a:buFont typeface="Arial" panose="020B0604020202020204" pitchFamily="34" charset="0"/>
              <a:buNone/>
              <a:defRPr sz="1350">
                <a:solidFill>
                  <a:schemeClr val="tx1"/>
                </a:solidFill>
              </a:defRPr>
            </a:lvl2pPr>
            <a:lvl3pPr marL="0" indent="0" algn="l">
              <a:spcBef>
                <a:spcPts val="0"/>
              </a:spcBef>
              <a:spcAft>
                <a:spcPts val="0"/>
              </a:spcAft>
              <a:buFont typeface="Arial" panose="020B0604020202020204" pitchFamily="34" charset="0"/>
              <a:buNone/>
              <a:defRPr sz="1350" b="1">
                <a:solidFill>
                  <a:schemeClr val="accent1"/>
                </a:solidFill>
              </a:defRPr>
            </a:lvl3pPr>
            <a:lvl4pPr marL="0" indent="0" algn="l">
              <a:spcBef>
                <a:spcPts val="0"/>
              </a:spcBef>
              <a:spcAft>
                <a:spcPts val="0"/>
              </a:spcAft>
              <a:buFont typeface="Arial" panose="020B0604020202020204" pitchFamily="34" charset="0"/>
              <a:buNone/>
              <a:defRPr sz="1350">
                <a:solidFill>
                  <a:schemeClr val="tx1"/>
                </a:solidFill>
              </a:defRPr>
            </a:lvl4pPr>
            <a:lvl5pPr marL="0" indent="0" algn="l">
              <a:spcBef>
                <a:spcPts val="0"/>
              </a:spcBef>
              <a:spcAft>
                <a:spcPts val="0"/>
              </a:spcAft>
              <a:buFont typeface="Arial" panose="020B0604020202020204" pitchFamily="34" charset="0"/>
              <a:buNone/>
              <a:defRPr sz="1350">
                <a:solidFill>
                  <a:schemeClr val="tx1"/>
                </a:solidFill>
              </a:defRPr>
            </a:lvl5pPr>
            <a:lvl6pPr marL="0" indent="0" algn="l">
              <a:spcBef>
                <a:spcPts val="0"/>
              </a:spcBef>
              <a:spcAft>
                <a:spcPts val="0"/>
              </a:spcAft>
              <a:buFont typeface="Arial" panose="020B0604020202020204" pitchFamily="34" charset="0"/>
              <a:buNone/>
              <a:defRPr sz="1350">
                <a:solidFill>
                  <a:schemeClr val="tx1"/>
                </a:solidFill>
              </a:defRPr>
            </a:lvl6pPr>
            <a:lvl7pPr marL="0" indent="0" algn="l">
              <a:spcBef>
                <a:spcPts val="0"/>
              </a:spcBef>
              <a:spcAft>
                <a:spcPts val="0"/>
              </a:spcAft>
              <a:buFont typeface="Arial" panose="020B0604020202020204" pitchFamily="34" charset="0"/>
              <a:buNone/>
              <a:defRPr sz="1350">
                <a:solidFill>
                  <a:schemeClr val="tx1"/>
                </a:solidFill>
              </a:defRPr>
            </a:lvl7pPr>
            <a:lvl8pPr marL="0" indent="0" algn="l">
              <a:spcBef>
                <a:spcPts val="0"/>
              </a:spcBef>
              <a:spcAft>
                <a:spcPts val="0"/>
              </a:spcAft>
              <a:buFont typeface="Arial" panose="020B0604020202020204" pitchFamily="34" charset="0"/>
              <a:buNone/>
              <a:defRPr sz="1350">
                <a:solidFill>
                  <a:schemeClr val="tx1"/>
                </a:solidFill>
              </a:defRPr>
            </a:lvl8pPr>
            <a:lvl9pPr marL="0" indent="0" algn="l">
              <a:spcBef>
                <a:spcPts val="0"/>
              </a:spcBef>
              <a:spcAft>
                <a:spcPts val="0"/>
              </a:spcAft>
              <a:buFont typeface="Arial" panose="020B0604020202020204" pitchFamily="34" charset="0"/>
              <a:buNone/>
              <a:defRPr sz="1350">
                <a:solidFill>
                  <a:schemeClr val="tx1"/>
                </a:solidFill>
              </a:defRPr>
            </a:lvl9pPr>
          </a:lstStyle>
          <a:p>
            <a:pPr lvl="0"/>
            <a:r>
              <a:rPr lang="en-US"/>
              <a:t>Subtitle – 1 line only</a:t>
            </a:r>
          </a:p>
        </p:txBody>
      </p:sp>
    </p:spTree>
    <p:extLst>
      <p:ext uri="{BB962C8B-B14F-4D97-AF65-F5344CB8AC3E}">
        <p14:creationId xmlns:p14="http://schemas.microsoft.com/office/powerpoint/2010/main" val="2535658271"/>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2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914150"/>
            <a:fld id="{2490C926-4C7A-4456-B603-8FB00524CD8E}" type="slidenum">
              <a:rPr lang="en-GB" smtClean="0">
                <a:solidFill>
                  <a:prstClr val="black"/>
                </a:solidFill>
              </a:rPr>
              <a:pPr defTabSz="914150"/>
              <a:t>‹#›</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dirty="0"/>
          </a:p>
        </p:txBody>
      </p:sp>
      <p:sp>
        <p:nvSpPr>
          <p:cNvPr id="10" name="Subtitle">
            <a:extLst>
              <a:ext uri="{FF2B5EF4-FFF2-40B4-BE49-F238E27FC236}">
                <a16:creationId xmlns:a16="http://schemas.microsoft.com/office/drawing/2014/main" id="{201773E0-D94B-4444-9A72-81C1F4EB93A4}"/>
              </a:ext>
            </a:extLst>
          </p:cNvPr>
          <p:cNvSpPr>
            <a:spLocks noGrp="1"/>
          </p:cNvSpPr>
          <p:nvPr>
            <p:ph type="subTitle" idx="1" hasCustomPrompt="1"/>
          </p:nvPr>
        </p:nvSpPr>
        <p:spPr>
          <a:xfrm>
            <a:off x="395287" y="805004"/>
            <a:ext cx="8353424" cy="218141"/>
          </a:xfrm>
          <a:prstGeom prst="rect">
            <a:avLst/>
          </a:prstGeom>
        </p:spPr>
        <p:txBody>
          <a:bodyPr lIns="0">
            <a:noAutofit/>
          </a:bodyPr>
          <a:lstStyle>
            <a:lvl1pPr marL="0" indent="0" algn="l">
              <a:lnSpc>
                <a:spcPct val="90000"/>
              </a:lnSpc>
              <a:spcBef>
                <a:spcPts val="0"/>
              </a:spcBef>
              <a:spcAft>
                <a:spcPts val="0"/>
              </a:spcAft>
              <a:buNone/>
              <a:defRPr sz="1650" b="0">
                <a:solidFill>
                  <a:schemeClr val="tx2"/>
                </a:solidFill>
              </a:defRPr>
            </a:lvl1pPr>
            <a:lvl2pPr marL="457075" indent="0" algn="ctr">
              <a:buNone/>
              <a:defRPr>
                <a:solidFill>
                  <a:schemeClr val="tx1">
                    <a:tint val="75000"/>
                  </a:schemeClr>
                </a:solidFill>
              </a:defRPr>
            </a:lvl2pPr>
            <a:lvl3pPr marL="914150" indent="0" algn="ctr">
              <a:buNone/>
              <a:defRPr>
                <a:solidFill>
                  <a:schemeClr val="tx1">
                    <a:tint val="75000"/>
                  </a:schemeClr>
                </a:solidFill>
              </a:defRPr>
            </a:lvl3pPr>
            <a:lvl4pPr marL="1371223" indent="0" algn="ctr">
              <a:buNone/>
              <a:defRPr>
                <a:solidFill>
                  <a:schemeClr val="tx1">
                    <a:tint val="75000"/>
                  </a:schemeClr>
                </a:solidFill>
              </a:defRPr>
            </a:lvl4pPr>
            <a:lvl5pPr marL="1828297" indent="0" algn="ctr">
              <a:buNone/>
              <a:defRPr>
                <a:solidFill>
                  <a:schemeClr val="tx1">
                    <a:tint val="75000"/>
                  </a:schemeClr>
                </a:solidFill>
              </a:defRPr>
            </a:lvl5pPr>
            <a:lvl6pPr marL="2285372" indent="0" algn="ctr">
              <a:buNone/>
              <a:defRPr>
                <a:solidFill>
                  <a:schemeClr val="tx1">
                    <a:tint val="75000"/>
                  </a:schemeClr>
                </a:solidFill>
              </a:defRPr>
            </a:lvl6pPr>
            <a:lvl7pPr marL="2742446" indent="0" algn="ctr">
              <a:buNone/>
              <a:defRPr>
                <a:solidFill>
                  <a:schemeClr val="tx1">
                    <a:tint val="75000"/>
                  </a:schemeClr>
                </a:solidFill>
              </a:defRPr>
            </a:lvl7pPr>
            <a:lvl8pPr marL="3199520" indent="0" algn="ctr">
              <a:buNone/>
              <a:defRPr>
                <a:solidFill>
                  <a:schemeClr val="tx1">
                    <a:tint val="75000"/>
                  </a:schemeClr>
                </a:solidFill>
              </a:defRPr>
            </a:lvl8pPr>
            <a:lvl9pPr marL="3656594" indent="0" algn="ctr">
              <a:buNone/>
              <a:defRPr>
                <a:solidFill>
                  <a:schemeClr val="tx1">
                    <a:tint val="75000"/>
                  </a:schemeClr>
                </a:solidFill>
              </a:defRPr>
            </a:lvl9pPr>
          </a:lstStyle>
          <a:p>
            <a:r>
              <a:rPr lang="en-US" dirty="0"/>
              <a:t>Click to add subtitle – 1 line only</a:t>
            </a:r>
            <a:endParaRPr lang="en-GB" dirty="0"/>
          </a:p>
        </p:txBody>
      </p:sp>
      <p:sp>
        <p:nvSpPr>
          <p:cNvPr id="2" name="Title">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dirty="0"/>
              <a:t>Title style – 1 line only</a:t>
            </a:r>
            <a:endParaRPr lang="en-GB" dirty="0"/>
          </a:p>
        </p:txBody>
      </p:sp>
    </p:spTree>
    <p:extLst>
      <p:ext uri="{BB962C8B-B14F-4D97-AF65-F5344CB8AC3E}">
        <p14:creationId xmlns:p14="http://schemas.microsoft.com/office/powerpoint/2010/main" val="3689892400"/>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4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914150"/>
            <a:fld id="{2490C926-4C7A-4456-B603-8FB00524CD8E}" type="slidenum">
              <a:rPr lang="en-GB" smtClean="0">
                <a:solidFill>
                  <a:prstClr val="black"/>
                </a:solidFill>
              </a:rPr>
              <a:pPr defTabSz="914150"/>
              <a:t>‹#›</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dirty="0"/>
          </a:p>
        </p:txBody>
      </p:sp>
      <p:sp>
        <p:nvSpPr>
          <p:cNvPr id="10" name="Subtitle">
            <a:extLst>
              <a:ext uri="{FF2B5EF4-FFF2-40B4-BE49-F238E27FC236}">
                <a16:creationId xmlns:a16="http://schemas.microsoft.com/office/drawing/2014/main" id="{201773E0-D94B-4444-9A72-81C1F4EB93A4}"/>
              </a:ext>
            </a:extLst>
          </p:cNvPr>
          <p:cNvSpPr>
            <a:spLocks noGrp="1"/>
          </p:cNvSpPr>
          <p:nvPr>
            <p:ph type="subTitle" idx="1" hasCustomPrompt="1"/>
          </p:nvPr>
        </p:nvSpPr>
        <p:spPr>
          <a:xfrm>
            <a:off x="395287" y="805004"/>
            <a:ext cx="8353424" cy="218141"/>
          </a:xfrm>
          <a:prstGeom prst="rect">
            <a:avLst/>
          </a:prstGeom>
        </p:spPr>
        <p:txBody>
          <a:bodyPr lIns="0">
            <a:noAutofit/>
          </a:bodyPr>
          <a:lstStyle>
            <a:lvl1pPr marL="0" indent="0" algn="l">
              <a:lnSpc>
                <a:spcPct val="90000"/>
              </a:lnSpc>
              <a:spcBef>
                <a:spcPts val="0"/>
              </a:spcBef>
              <a:spcAft>
                <a:spcPts val="0"/>
              </a:spcAft>
              <a:buNone/>
              <a:defRPr sz="1650" b="0">
                <a:solidFill>
                  <a:schemeClr val="tx2"/>
                </a:solidFill>
              </a:defRPr>
            </a:lvl1pPr>
            <a:lvl2pPr marL="457075" indent="0" algn="ctr">
              <a:buNone/>
              <a:defRPr>
                <a:solidFill>
                  <a:schemeClr val="tx1">
                    <a:tint val="75000"/>
                  </a:schemeClr>
                </a:solidFill>
              </a:defRPr>
            </a:lvl2pPr>
            <a:lvl3pPr marL="914150" indent="0" algn="ctr">
              <a:buNone/>
              <a:defRPr>
                <a:solidFill>
                  <a:schemeClr val="tx1">
                    <a:tint val="75000"/>
                  </a:schemeClr>
                </a:solidFill>
              </a:defRPr>
            </a:lvl3pPr>
            <a:lvl4pPr marL="1371223" indent="0" algn="ctr">
              <a:buNone/>
              <a:defRPr>
                <a:solidFill>
                  <a:schemeClr val="tx1">
                    <a:tint val="75000"/>
                  </a:schemeClr>
                </a:solidFill>
              </a:defRPr>
            </a:lvl4pPr>
            <a:lvl5pPr marL="1828297" indent="0" algn="ctr">
              <a:buNone/>
              <a:defRPr>
                <a:solidFill>
                  <a:schemeClr val="tx1">
                    <a:tint val="75000"/>
                  </a:schemeClr>
                </a:solidFill>
              </a:defRPr>
            </a:lvl5pPr>
            <a:lvl6pPr marL="2285372" indent="0" algn="ctr">
              <a:buNone/>
              <a:defRPr>
                <a:solidFill>
                  <a:schemeClr val="tx1">
                    <a:tint val="75000"/>
                  </a:schemeClr>
                </a:solidFill>
              </a:defRPr>
            </a:lvl6pPr>
            <a:lvl7pPr marL="2742446" indent="0" algn="ctr">
              <a:buNone/>
              <a:defRPr>
                <a:solidFill>
                  <a:schemeClr val="tx1">
                    <a:tint val="75000"/>
                  </a:schemeClr>
                </a:solidFill>
              </a:defRPr>
            </a:lvl7pPr>
            <a:lvl8pPr marL="3199520" indent="0" algn="ctr">
              <a:buNone/>
              <a:defRPr>
                <a:solidFill>
                  <a:schemeClr val="tx1">
                    <a:tint val="75000"/>
                  </a:schemeClr>
                </a:solidFill>
              </a:defRPr>
            </a:lvl8pPr>
            <a:lvl9pPr marL="3656594" indent="0" algn="ctr">
              <a:buNone/>
              <a:defRPr>
                <a:solidFill>
                  <a:schemeClr val="tx1">
                    <a:tint val="75000"/>
                  </a:schemeClr>
                </a:solidFill>
              </a:defRPr>
            </a:lvl9pPr>
          </a:lstStyle>
          <a:p>
            <a:r>
              <a:rPr lang="en-US" dirty="0"/>
              <a:t>Click to add subtitle – 1 line only</a:t>
            </a:r>
            <a:endParaRPr lang="en-GB" dirty="0"/>
          </a:p>
        </p:txBody>
      </p:sp>
      <p:sp>
        <p:nvSpPr>
          <p:cNvPr id="2" name="Title">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dirty="0"/>
              <a:t>Title style – 1 line only</a:t>
            </a:r>
            <a:endParaRPr lang="en-GB" dirty="0"/>
          </a:p>
        </p:txBody>
      </p:sp>
    </p:spTree>
    <p:extLst>
      <p:ext uri="{BB962C8B-B14F-4D97-AF65-F5344CB8AC3E}">
        <p14:creationId xmlns:p14="http://schemas.microsoft.com/office/powerpoint/2010/main" val="1573914723"/>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50"/>
        <p:cNvGrpSpPr/>
        <p:nvPr/>
      </p:nvGrpSpPr>
      <p:grpSpPr>
        <a:xfrm>
          <a:off x="0" y="0"/>
          <a:ext cx="0" cy="0"/>
          <a:chOff x="0" y="0"/>
          <a:chExt cx="0" cy="0"/>
        </a:xfrm>
      </p:grpSpPr>
      <p:sp>
        <p:nvSpPr>
          <p:cNvPr id="51" name="Google Shape;51;p13"/>
          <p:cNvSpPr txBox="1">
            <a:spLocks noGrp="1"/>
          </p:cNvSpPr>
          <p:nvPr>
            <p:ph type="dt" idx="10"/>
          </p:nvPr>
        </p:nvSpPr>
        <p:spPr>
          <a:xfrm>
            <a:off x="7535918" y="4870801"/>
            <a:ext cx="1212796" cy="98339"/>
          </a:xfrm>
          <a:prstGeom prst="rect">
            <a:avLst/>
          </a:prstGeom>
          <a:noFill/>
          <a:ln>
            <a:noFill/>
          </a:ln>
        </p:spPr>
        <p:txBody>
          <a:bodyPr spcFirstLastPara="1" wrap="square" lIns="0" tIns="0" rIns="0" bIns="0" anchor="t" anchorCtr="0"/>
          <a:lstStyle>
            <a:lvl1pPr marR="0" lvl="0" algn="r" rtl="0">
              <a:spcBef>
                <a:spcPts val="0"/>
              </a:spcBef>
              <a:spcAft>
                <a:spcPts val="0"/>
              </a:spcAft>
              <a:buSzPts val="1400"/>
              <a:buNone/>
              <a:defRPr sz="700" b="0" i="0" u="none" strike="noStrike" cap="none">
                <a:solidFill>
                  <a:schemeClr val="dk1"/>
                </a:solidFill>
                <a:latin typeface="Arial"/>
                <a:ea typeface="Arial"/>
                <a:cs typeface="Arial"/>
                <a:sym typeface="Arial"/>
              </a:defRPr>
            </a:lvl1pPr>
            <a:lvl2pPr marR="0" lvl="1" algn="l" rtl="0">
              <a:spcBef>
                <a:spcPts val="0"/>
              </a:spcBef>
              <a:spcAft>
                <a:spcPts val="0"/>
              </a:spcAft>
              <a:buSzPts val="1400"/>
              <a:buNone/>
              <a:defRPr sz="1350" b="0" i="0" u="none" strike="noStrike" cap="none">
                <a:solidFill>
                  <a:schemeClr val="dk1"/>
                </a:solidFill>
                <a:latin typeface="Arial"/>
                <a:ea typeface="Arial"/>
                <a:cs typeface="Arial"/>
                <a:sym typeface="Arial"/>
              </a:defRPr>
            </a:lvl2pPr>
            <a:lvl3pPr marR="0" lvl="2" algn="l" rtl="0">
              <a:spcBef>
                <a:spcPts val="0"/>
              </a:spcBef>
              <a:spcAft>
                <a:spcPts val="0"/>
              </a:spcAft>
              <a:buSzPts val="1400"/>
              <a:buNone/>
              <a:defRPr sz="1350" b="0" i="0" u="none" strike="noStrike" cap="none">
                <a:solidFill>
                  <a:schemeClr val="dk1"/>
                </a:solidFill>
                <a:latin typeface="Arial"/>
                <a:ea typeface="Arial"/>
                <a:cs typeface="Arial"/>
                <a:sym typeface="Arial"/>
              </a:defRPr>
            </a:lvl3pPr>
            <a:lvl4pPr marR="0" lvl="3" algn="l" rtl="0">
              <a:spcBef>
                <a:spcPts val="0"/>
              </a:spcBef>
              <a:spcAft>
                <a:spcPts val="0"/>
              </a:spcAft>
              <a:buSzPts val="1400"/>
              <a:buNone/>
              <a:defRPr sz="1350" b="0" i="0" u="none" strike="noStrike" cap="none">
                <a:solidFill>
                  <a:schemeClr val="dk1"/>
                </a:solidFill>
                <a:latin typeface="Arial"/>
                <a:ea typeface="Arial"/>
                <a:cs typeface="Arial"/>
                <a:sym typeface="Arial"/>
              </a:defRPr>
            </a:lvl4pPr>
            <a:lvl5pPr marR="0" lvl="4" algn="l" rtl="0">
              <a:spcBef>
                <a:spcPts val="0"/>
              </a:spcBef>
              <a:spcAft>
                <a:spcPts val="0"/>
              </a:spcAft>
              <a:buSzPts val="1400"/>
              <a:buNone/>
              <a:defRPr sz="1350" b="0" i="0" u="none" strike="noStrike" cap="none">
                <a:solidFill>
                  <a:schemeClr val="dk1"/>
                </a:solidFill>
                <a:latin typeface="Arial"/>
                <a:ea typeface="Arial"/>
                <a:cs typeface="Arial"/>
                <a:sym typeface="Arial"/>
              </a:defRPr>
            </a:lvl5pPr>
            <a:lvl6pPr marR="0" lvl="5" algn="l" rtl="0">
              <a:spcBef>
                <a:spcPts val="0"/>
              </a:spcBef>
              <a:spcAft>
                <a:spcPts val="0"/>
              </a:spcAft>
              <a:buSzPts val="1400"/>
              <a:buNone/>
              <a:defRPr sz="1350" b="0" i="0" u="none" strike="noStrike" cap="none">
                <a:solidFill>
                  <a:schemeClr val="dk1"/>
                </a:solidFill>
                <a:latin typeface="Arial"/>
                <a:ea typeface="Arial"/>
                <a:cs typeface="Arial"/>
                <a:sym typeface="Arial"/>
              </a:defRPr>
            </a:lvl6pPr>
            <a:lvl7pPr marR="0" lvl="6" algn="l" rtl="0">
              <a:spcBef>
                <a:spcPts val="0"/>
              </a:spcBef>
              <a:spcAft>
                <a:spcPts val="0"/>
              </a:spcAft>
              <a:buSzPts val="1400"/>
              <a:buNone/>
              <a:defRPr sz="1350" b="0" i="0" u="none" strike="noStrike" cap="none">
                <a:solidFill>
                  <a:schemeClr val="dk1"/>
                </a:solidFill>
                <a:latin typeface="Arial"/>
                <a:ea typeface="Arial"/>
                <a:cs typeface="Arial"/>
                <a:sym typeface="Arial"/>
              </a:defRPr>
            </a:lvl7pPr>
            <a:lvl8pPr marR="0" lvl="7" algn="l" rtl="0">
              <a:spcBef>
                <a:spcPts val="0"/>
              </a:spcBef>
              <a:spcAft>
                <a:spcPts val="0"/>
              </a:spcAft>
              <a:buSzPts val="1400"/>
              <a:buNone/>
              <a:defRPr sz="1350" b="0" i="0" u="none" strike="noStrike" cap="none">
                <a:solidFill>
                  <a:schemeClr val="dk1"/>
                </a:solidFill>
                <a:latin typeface="Arial"/>
                <a:ea typeface="Arial"/>
                <a:cs typeface="Arial"/>
                <a:sym typeface="Arial"/>
              </a:defRPr>
            </a:lvl8pPr>
            <a:lvl9pPr marR="0" lvl="8" algn="l" rtl="0">
              <a:spcBef>
                <a:spcPts val="0"/>
              </a:spcBef>
              <a:spcAft>
                <a:spcPts val="0"/>
              </a:spcAft>
              <a:buSzPts val="1400"/>
              <a:buNone/>
              <a:defRPr sz="1350" b="0" i="0" u="none" strike="noStrike" cap="none">
                <a:solidFill>
                  <a:schemeClr val="dk1"/>
                </a:solidFill>
                <a:latin typeface="Arial"/>
                <a:ea typeface="Arial"/>
                <a:cs typeface="Arial"/>
                <a:sym typeface="Arial"/>
              </a:defRPr>
            </a:lvl9pPr>
          </a:lstStyle>
          <a:p>
            <a:endParaRPr/>
          </a:p>
        </p:txBody>
      </p:sp>
      <p:sp>
        <p:nvSpPr>
          <p:cNvPr id="52" name="Google Shape;52;p13"/>
          <p:cNvSpPr txBox="1">
            <a:spLocks noGrp="1"/>
          </p:cNvSpPr>
          <p:nvPr>
            <p:ph type="ftr" idx="11"/>
          </p:nvPr>
        </p:nvSpPr>
        <p:spPr>
          <a:xfrm>
            <a:off x="395289" y="4870713"/>
            <a:ext cx="3963807" cy="98427"/>
          </a:xfrm>
          <a:prstGeom prst="rect">
            <a:avLst/>
          </a:prstGeom>
          <a:noFill/>
          <a:ln>
            <a:noFill/>
          </a:ln>
        </p:spPr>
        <p:txBody>
          <a:bodyPr spcFirstLastPara="1" wrap="square" lIns="0" tIns="0" rIns="0" bIns="0" anchor="t" anchorCtr="0"/>
          <a:lstStyle>
            <a:lvl1pPr marR="0" lvl="0" algn="l" rtl="0">
              <a:spcBef>
                <a:spcPts val="0"/>
              </a:spcBef>
              <a:spcAft>
                <a:spcPts val="0"/>
              </a:spcAft>
              <a:buSzPts val="1400"/>
              <a:buNone/>
              <a:defRPr sz="700" b="0" i="0" u="none" strike="noStrike" cap="none">
                <a:solidFill>
                  <a:schemeClr val="dk1"/>
                </a:solidFill>
                <a:latin typeface="Arial"/>
                <a:ea typeface="Arial"/>
                <a:cs typeface="Arial"/>
                <a:sym typeface="Arial"/>
              </a:defRPr>
            </a:lvl1pPr>
            <a:lvl2pPr marR="0" lvl="1" algn="l" rtl="0">
              <a:spcBef>
                <a:spcPts val="0"/>
              </a:spcBef>
              <a:spcAft>
                <a:spcPts val="0"/>
              </a:spcAft>
              <a:buSzPts val="1400"/>
              <a:buNone/>
              <a:defRPr sz="1350" b="0" i="0" u="none" strike="noStrike" cap="none">
                <a:solidFill>
                  <a:schemeClr val="dk1"/>
                </a:solidFill>
                <a:latin typeface="Arial"/>
                <a:ea typeface="Arial"/>
                <a:cs typeface="Arial"/>
                <a:sym typeface="Arial"/>
              </a:defRPr>
            </a:lvl2pPr>
            <a:lvl3pPr marR="0" lvl="2" algn="l" rtl="0">
              <a:spcBef>
                <a:spcPts val="0"/>
              </a:spcBef>
              <a:spcAft>
                <a:spcPts val="0"/>
              </a:spcAft>
              <a:buSzPts val="1400"/>
              <a:buNone/>
              <a:defRPr sz="1350" b="0" i="0" u="none" strike="noStrike" cap="none">
                <a:solidFill>
                  <a:schemeClr val="dk1"/>
                </a:solidFill>
                <a:latin typeface="Arial"/>
                <a:ea typeface="Arial"/>
                <a:cs typeface="Arial"/>
                <a:sym typeface="Arial"/>
              </a:defRPr>
            </a:lvl3pPr>
            <a:lvl4pPr marR="0" lvl="3" algn="l" rtl="0">
              <a:spcBef>
                <a:spcPts val="0"/>
              </a:spcBef>
              <a:spcAft>
                <a:spcPts val="0"/>
              </a:spcAft>
              <a:buSzPts val="1400"/>
              <a:buNone/>
              <a:defRPr sz="1350" b="0" i="0" u="none" strike="noStrike" cap="none">
                <a:solidFill>
                  <a:schemeClr val="dk1"/>
                </a:solidFill>
                <a:latin typeface="Arial"/>
                <a:ea typeface="Arial"/>
                <a:cs typeface="Arial"/>
                <a:sym typeface="Arial"/>
              </a:defRPr>
            </a:lvl4pPr>
            <a:lvl5pPr marR="0" lvl="4" algn="l" rtl="0">
              <a:spcBef>
                <a:spcPts val="0"/>
              </a:spcBef>
              <a:spcAft>
                <a:spcPts val="0"/>
              </a:spcAft>
              <a:buSzPts val="1400"/>
              <a:buNone/>
              <a:defRPr sz="1350" b="0" i="0" u="none" strike="noStrike" cap="none">
                <a:solidFill>
                  <a:schemeClr val="dk1"/>
                </a:solidFill>
                <a:latin typeface="Arial"/>
                <a:ea typeface="Arial"/>
                <a:cs typeface="Arial"/>
                <a:sym typeface="Arial"/>
              </a:defRPr>
            </a:lvl5pPr>
            <a:lvl6pPr marR="0" lvl="5" algn="l" rtl="0">
              <a:spcBef>
                <a:spcPts val="0"/>
              </a:spcBef>
              <a:spcAft>
                <a:spcPts val="0"/>
              </a:spcAft>
              <a:buSzPts val="1400"/>
              <a:buNone/>
              <a:defRPr sz="1350" b="0" i="0" u="none" strike="noStrike" cap="none">
                <a:solidFill>
                  <a:schemeClr val="dk1"/>
                </a:solidFill>
                <a:latin typeface="Arial"/>
                <a:ea typeface="Arial"/>
                <a:cs typeface="Arial"/>
                <a:sym typeface="Arial"/>
              </a:defRPr>
            </a:lvl6pPr>
            <a:lvl7pPr marR="0" lvl="6" algn="l" rtl="0">
              <a:spcBef>
                <a:spcPts val="0"/>
              </a:spcBef>
              <a:spcAft>
                <a:spcPts val="0"/>
              </a:spcAft>
              <a:buSzPts val="1400"/>
              <a:buNone/>
              <a:defRPr sz="1350" b="0" i="0" u="none" strike="noStrike" cap="none">
                <a:solidFill>
                  <a:schemeClr val="dk1"/>
                </a:solidFill>
                <a:latin typeface="Arial"/>
                <a:ea typeface="Arial"/>
                <a:cs typeface="Arial"/>
                <a:sym typeface="Arial"/>
              </a:defRPr>
            </a:lvl7pPr>
            <a:lvl8pPr marR="0" lvl="7" algn="l" rtl="0">
              <a:spcBef>
                <a:spcPts val="0"/>
              </a:spcBef>
              <a:spcAft>
                <a:spcPts val="0"/>
              </a:spcAft>
              <a:buSzPts val="1400"/>
              <a:buNone/>
              <a:defRPr sz="1350" b="0" i="0" u="none" strike="noStrike" cap="none">
                <a:solidFill>
                  <a:schemeClr val="dk1"/>
                </a:solidFill>
                <a:latin typeface="Arial"/>
                <a:ea typeface="Arial"/>
                <a:cs typeface="Arial"/>
                <a:sym typeface="Arial"/>
              </a:defRPr>
            </a:lvl8pPr>
            <a:lvl9pPr marR="0" lvl="8" algn="l" rtl="0">
              <a:spcBef>
                <a:spcPts val="0"/>
              </a:spcBef>
              <a:spcAft>
                <a:spcPts val="0"/>
              </a:spcAft>
              <a:buSzPts val="1400"/>
              <a:buNone/>
              <a:defRPr sz="1350" b="0" i="0" u="none" strike="noStrike" cap="none">
                <a:solidFill>
                  <a:schemeClr val="dk1"/>
                </a:solidFill>
                <a:latin typeface="Arial"/>
                <a:ea typeface="Arial"/>
                <a:cs typeface="Arial"/>
                <a:sym typeface="Arial"/>
              </a:defRPr>
            </a:lvl9pPr>
          </a:lstStyle>
          <a:p>
            <a:endParaRPr/>
          </a:p>
        </p:txBody>
      </p:sp>
      <p:sp>
        <p:nvSpPr>
          <p:cNvPr id="53" name="Google Shape;53;p13"/>
          <p:cNvSpPr txBox="1">
            <a:spLocks noGrp="1"/>
          </p:cNvSpPr>
          <p:nvPr>
            <p:ph type="sldNum" idx="12"/>
          </p:nvPr>
        </p:nvSpPr>
        <p:spPr>
          <a:xfrm>
            <a:off x="4359096" y="4873627"/>
            <a:ext cx="425807" cy="98426"/>
          </a:xfrm>
          <a:prstGeom prst="rect">
            <a:avLst/>
          </a:prstGeom>
          <a:noFill/>
          <a:ln>
            <a:noFill/>
          </a:ln>
        </p:spPr>
        <p:txBody>
          <a:bodyPr spcFirstLastPara="1" wrap="square" lIns="0" tIns="0" rIns="0" bIns="0" anchor="t" anchorCtr="0">
            <a:noAutofit/>
          </a:bodyPr>
          <a:lstStyle>
            <a:lvl1pPr marL="0" marR="0" lvl="0" indent="0" algn="ctr" rtl="0">
              <a:spcBef>
                <a:spcPts val="0"/>
              </a:spcBef>
              <a:buNone/>
              <a:defRPr sz="700" b="0" i="0" u="none" strike="noStrike" cap="none">
                <a:solidFill>
                  <a:srgbClr val="000000"/>
                </a:solidFill>
                <a:latin typeface="Arial"/>
                <a:ea typeface="Arial"/>
                <a:cs typeface="Arial"/>
                <a:sym typeface="Arial"/>
              </a:defRPr>
            </a:lvl1pPr>
            <a:lvl2pPr marL="0" marR="0" lvl="1" indent="0" algn="ctr" rtl="0">
              <a:spcBef>
                <a:spcPts val="0"/>
              </a:spcBef>
              <a:buNone/>
              <a:defRPr sz="700" b="0" i="0" u="none" strike="noStrike" cap="none">
                <a:solidFill>
                  <a:srgbClr val="000000"/>
                </a:solidFill>
                <a:latin typeface="Arial"/>
                <a:ea typeface="Arial"/>
                <a:cs typeface="Arial"/>
                <a:sym typeface="Arial"/>
              </a:defRPr>
            </a:lvl2pPr>
            <a:lvl3pPr marL="0" marR="0" lvl="2" indent="0" algn="ctr" rtl="0">
              <a:spcBef>
                <a:spcPts val="0"/>
              </a:spcBef>
              <a:buNone/>
              <a:defRPr sz="700" b="0" i="0" u="none" strike="noStrike" cap="none">
                <a:solidFill>
                  <a:srgbClr val="000000"/>
                </a:solidFill>
                <a:latin typeface="Arial"/>
                <a:ea typeface="Arial"/>
                <a:cs typeface="Arial"/>
                <a:sym typeface="Arial"/>
              </a:defRPr>
            </a:lvl3pPr>
            <a:lvl4pPr marL="0" marR="0" lvl="3" indent="0" algn="ctr" rtl="0">
              <a:spcBef>
                <a:spcPts val="0"/>
              </a:spcBef>
              <a:buNone/>
              <a:defRPr sz="700" b="0" i="0" u="none" strike="noStrike" cap="none">
                <a:solidFill>
                  <a:srgbClr val="000000"/>
                </a:solidFill>
                <a:latin typeface="Arial"/>
                <a:ea typeface="Arial"/>
                <a:cs typeface="Arial"/>
                <a:sym typeface="Arial"/>
              </a:defRPr>
            </a:lvl4pPr>
            <a:lvl5pPr marL="0" marR="0" lvl="4" indent="0" algn="ctr" rtl="0">
              <a:spcBef>
                <a:spcPts val="0"/>
              </a:spcBef>
              <a:buNone/>
              <a:defRPr sz="700" b="0" i="0" u="none" strike="noStrike" cap="none">
                <a:solidFill>
                  <a:srgbClr val="000000"/>
                </a:solidFill>
                <a:latin typeface="Arial"/>
                <a:ea typeface="Arial"/>
                <a:cs typeface="Arial"/>
                <a:sym typeface="Arial"/>
              </a:defRPr>
            </a:lvl5pPr>
            <a:lvl6pPr marL="0" marR="0" lvl="5" indent="0" algn="ctr" rtl="0">
              <a:spcBef>
                <a:spcPts val="0"/>
              </a:spcBef>
              <a:buNone/>
              <a:defRPr sz="700" b="0" i="0" u="none" strike="noStrike" cap="none">
                <a:solidFill>
                  <a:srgbClr val="000000"/>
                </a:solidFill>
                <a:latin typeface="Arial"/>
                <a:ea typeface="Arial"/>
                <a:cs typeface="Arial"/>
                <a:sym typeface="Arial"/>
              </a:defRPr>
            </a:lvl6pPr>
            <a:lvl7pPr marL="0" marR="0" lvl="6" indent="0" algn="ctr" rtl="0">
              <a:spcBef>
                <a:spcPts val="0"/>
              </a:spcBef>
              <a:buNone/>
              <a:defRPr sz="700" b="0" i="0" u="none" strike="noStrike" cap="none">
                <a:solidFill>
                  <a:srgbClr val="000000"/>
                </a:solidFill>
                <a:latin typeface="Arial"/>
                <a:ea typeface="Arial"/>
                <a:cs typeface="Arial"/>
                <a:sym typeface="Arial"/>
              </a:defRPr>
            </a:lvl7pPr>
            <a:lvl8pPr marL="0" marR="0" lvl="7" indent="0" algn="ctr" rtl="0">
              <a:spcBef>
                <a:spcPts val="0"/>
              </a:spcBef>
              <a:buNone/>
              <a:defRPr sz="700" b="0" i="0" u="none" strike="noStrike" cap="none">
                <a:solidFill>
                  <a:srgbClr val="000000"/>
                </a:solidFill>
                <a:latin typeface="Arial"/>
                <a:ea typeface="Arial"/>
                <a:cs typeface="Arial"/>
                <a:sym typeface="Arial"/>
              </a:defRPr>
            </a:lvl8pPr>
            <a:lvl9pPr marL="0" marR="0" lvl="8" indent="0" algn="ctr" rtl="0">
              <a:spcBef>
                <a:spcPts val="0"/>
              </a:spcBef>
              <a:buNone/>
              <a:defRPr sz="700" b="0" i="0" u="none" strike="noStrike" cap="none">
                <a:solidFill>
                  <a:srgbClr val="000000"/>
                </a:solidFill>
                <a:latin typeface="Arial"/>
                <a:ea typeface="Arial"/>
                <a:cs typeface="Arial"/>
                <a:sym typeface="Arial"/>
              </a:defRPr>
            </a:lvl9pPr>
          </a:lstStyle>
          <a:p>
            <a:pPr marL="0" lvl="0" indent="0" algn="ctr" rtl="0">
              <a:spcBef>
                <a:spcPts val="0"/>
              </a:spcBef>
              <a:spcAft>
                <a:spcPts val="0"/>
              </a:spcAft>
              <a:buNone/>
            </a:pPr>
            <a:fld id="{00000000-1234-1234-1234-123412341234}" type="slidenum">
              <a:rPr lang="en-GB"/>
              <a:t>‹#›</a:t>
            </a:fld>
            <a:endParaRPr/>
          </a:p>
        </p:txBody>
      </p:sp>
      <p:sp>
        <p:nvSpPr>
          <p:cNvPr id="54" name="Google Shape;54;p13"/>
          <p:cNvSpPr txBox="1">
            <a:spLocks noGrp="1"/>
          </p:cNvSpPr>
          <p:nvPr>
            <p:ph type="title"/>
          </p:nvPr>
        </p:nvSpPr>
        <p:spPr>
          <a:xfrm>
            <a:off x="395289" y="396875"/>
            <a:ext cx="8353424" cy="298451"/>
          </a:xfrm>
          <a:prstGeom prst="rect">
            <a:avLst/>
          </a:prstGeom>
          <a:noFill/>
          <a:ln>
            <a:noFill/>
          </a:ln>
        </p:spPr>
        <p:txBody>
          <a:bodyPr spcFirstLastPara="1" wrap="square" lIns="0" tIns="0" rIns="0" bIns="0" anchor="t" anchorCtr="0"/>
          <a:lstStyle>
            <a:lvl1pPr marR="0" lvl="0" algn="l" rtl="0">
              <a:lnSpc>
                <a:spcPct val="80000"/>
              </a:lnSpc>
              <a:spcBef>
                <a:spcPts val="0"/>
              </a:spcBef>
              <a:spcAft>
                <a:spcPts val="0"/>
              </a:spcAft>
              <a:buClr>
                <a:schemeClr val="dk1"/>
              </a:buClr>
              <a:buSzPts val="2200"/>
              <a:buFont typeface="Arial"/>
              <a:buNone/>
              <a:defRPr sz="2200" b="0" i="0" u="none" strike="noStrike" cap="none">
                <a:solidFill>
                  <a:schemeClr val="dk1"/>
                </a:solidFill>
                <a:latin typeface="Arial"/>
                <a:ea typeface="Arial"/>
                <a:cs typeface="Arial"/>
                <a:sym typeface="Arial"/>
              </a:defRPr>
            </a:lvl1pPr>
            <a:lvl2pPr lvl="1">
              <a:spcBef>
                <a:spcPts val="0"/>
              </a:spcBef>
              <a:spcAft>
                <a:spcPts val="0"/>
              </a:spcAft>
              <a:buSzPts val="1400"/>
              <a:buNone/>
              <a:defRPr sz="1800"/>
            </a:lvl2pPr>
            <a:lvl3pPr lvl="2">
              <a:spcBef>
                <a:spcPts val="0"/>
              </a:spcBef>
              <a:spcAft>
                <a:spcPts val="0"/>
              </a:spcAft>
              <a:buSzPts val="1400"/>
              <a:buNone/>
              <a:defRPr sz="1800"/>
            </a:lvl3pPr>
            <a:lvl4pPr lvl="3">
              <a:spcBef>
                <a:spcPts val="0"/>
              </a:spcBef>
              <a:spcAft>
                <a:spcPts val="0"/>
              </a:spcAft>
              <a:buSzPts val="1400"/>
              <a:buNone/>
              <a:defRPr sz="1800"/>
            </a:lvl4pPr>
            <a:lvl5pPr lvl="4">
              <a:spcBef>
                <a:spcPts val="0"/>
              </a:spcBef>
              <a:spcAft>
                <a:spcPts val="0"/>
              </a:spcAft>
              <a:buSzPts val="1400"/>
              <a:buNone/>
              <a:defRPr sz="1800"/>
            </a:lvl5pPr>
            <a:lvl6pPr lvl="5">
              <a:spcBef>
                <a:spcPts val="0"/>
              </a:spcBef>
              <a:spcAft>
                <a:spcPts val="0"/>
              </a:spcAft>
              <a:buSzPts val="1400"/>
              <a:buNone/>
              <a:defRPr sz="1800"/>
            </a:lvl6pPr>
            <a:lvl7pPr lvl="6">
              <a:spcBef>
                <a:spcPts val="0"/>
              </a:spcBef>
              <a:spcAft>
                <a:spcPts val="0"/>
              </a:spcAft>
              <a:buSzPts val="1400"/>
              <a:buNone/>
              <a:defRPr sz="1800"/>
            </a:lvl7pPr>
            <a:lvl8pPr lvl="7">
              <a:spcBef>
                <a:spcPts val="0"/>
              </a:spcBef>
              <a:spcAft>
                <a:spcPts val="0"/>
              </a:spcAft>
              <a:buSzPts val="1400"/>
              <a:buNone/>
              <a:defRPr sz="1800"/>
            </a:lvl8pPr>
            <a:lvl9pPr lvl="8">
              <a:spcBef>
                <a:spcPts val="0"/>
              </a:spcBef>
              <a:spcAft>
                <a:spcPts val="0"/>
              </a:spcAft>
              <a:buSzPts val="1400"/>
              <a:buNone/>
              <a:defRPr sz="1800"/>
            </a:lvl9pPr>
          </a:lstStyle>
          <a:p>
            <a:endParaRPr/>
          </a:p>
        </p:txBody>
      </p:sp>
      <p:sp>
        <p:nvSpPr>
          <p:cNvPr id="55" name="Google Shape;55;p13"/>
          <p:cNvSpPr txBox="1">
            <a:spLocks noGrp="1"/>
          </p:cNvSpPr>
          <p:nvPr>
            <p:ph type="body" idx="1"/>
          </p:nvPr>
        </p:nvSpPr>
        <p:spPr>
          <a:xfrm>
            <a:off x="395289" y="1282148"/>
            <a:ext cx="8353424" cy="3462890"/>
          </a:xfrm>
          <a:prstGeom prst="rect">
            <a:avLst/>
          </a:prstGeom>
          <a:noFill/>
          <a:ln>
            <a:noFill/>
          </a:ln>
        </p:spPr>
        <p:txBody>
          <a:bodyPr spcFirstLastPara="1" wrap="square" lIns="0" tIns="0" rIns="0" bIns="0" anchor="t" anchorCtr="0"/>
          <a:lstStyle>
            <a:lvl1pPr marL="457200" marR="0" lvl="0" indent="-228600" algn="l" rtl="0">
              <a:lnSpc>
                <a:spcPct val="90000"/>
              </a:lnSpc>
              <a:spcBef>
                <a:spcPts val="1200"/>
              </a:spcBef>
              <a:spcAft>
                <a:spcPts val="0"/>
              </a:spcAft>
              <a:buClr>
                <a:schemeClr val="accent1"/>
              </a:buClr>
              <a:buSzPts val="1600"/>
              <a:buFont typeface="Arial"/>
              <a:buNone/>
              <a:defRPr sz="1600" b="0" i="0" u="none" strike="noStrike" cap="none">
                <a:solidFill>
                  <a:schemeClr val="accent2"/>
                </a:solidFill>
                <a:latin typeface="Arial"/>
                <a:ea typeface="Arial"/>
                <a:cs typeface="Arial"/>
                <a:sym typeface="Arial"/>
              </a:defRPr>
            </a:lvl1pPr>
            <a:lvl2pPr marL="914400" marR="0" lvl="1" indent="-228600" algn="l" rtl="0">
              <a:lnSpc>
                <a:spcPct val="90000"/>
              </a:lnSpc>
              <a:spcBef>
                <a:spcPts val="1200"/>
              </a:spcBef>
              <a:spcAft>
                <a:spcPts val="0"/>
              </a:spcAft>
              <a:buClr>
                <a:schemeClr val="accent1"/>
              </a:buClr>
              <a:buSzPts val="1400"/>
              <a:buFont typeface="Arial"/>
              <a:buNone/>
              <a:defRPr sz="1400" b="0" i="0" u="none" strike="noStrike" cap="none">
                <a:solidFill>
                  <a:schemeClr val="dk1"/>
                </a:solidFill>
                <a:latin typeface="Arial"/>
                <a:ea typeface="Arial"/>
                <a:cs typeface="Arial"/>
                <a:sym typeface="Arial"/>
              </a:defRPr>
            </a:lvl2pPr>
            <a:lvl3pPr marL="1371600" marR="0" lvl="2" indent="-304800" algn="l" rtl="0">
              <a:lnSpc>
                <a:spcPct val="90000"/>
              </a:lnSpc>
              <a:spcBef>
                <a:spcPts val="600"/>
              </a:spcBef>
              <a:spcAft>
                <a:spcPts val="0"/>
              </a:spcAft>
              <a:buClr>
                <a:schemeClr val="accent2"/>
              </a:buClr>
              <a:buSzPts val="1200"/>
              <a:buFont typeface="Arial"/>
              <a:buChar char="•"/>
              <a:defRPr sz="1200" b="0" i="0" u="none" strike="noStrike" cap="none">
                <a:solidFill>
                  <a:schemeClr val="dk1"/>
                </a:solidFill>
                <a:latin typeface="Arial"/>
                <a:ea typeface="Arial"/>
                <a:cs typeface="Arial"/>
                <a:sym typeface="Arial"/>
              </a:defRPr>
            </a:lvl3pPr>
            <a:lvl4pPr marL="1828800" marR="0" lvl="3" indent="-304800" algn="l" rtl="0">
              <a:lnSpc>
                <a:spcPct val="90000"/>
              </a:lnSpc>
              <a:spcBef>
                <a:spcPts val="600"/>
              </a:spcBef>
              <a:spcAft>
                <a:spcPts val="0"/>
              </a:spcAft>
              <a:buClr>
                <a:schemeClr val="accent2"/>
              </a:buClr>
              <a:buSzPts val="1200"/>
              <a:buFont typeface="Arial"/>
              <a:buChar char="−"/>
              <a:defRPr sz="1200" b="0" i="0" u="none" strike="noStrike" cap="none">
                <a:solidFill>
                  <a:schemeClr val="dk1"/>
                </a:solidFill>
                <a:latin typeface="Arial"/>
                <a:ea typeface="Arial"/>
                <a:cs typeface="Arial"/>
                <a:sym typeface="Arial"/>
              </a:defRPr>
            </a:lvl4pPr>
            <a:lvl5pPr marL="2286000" marR="0" lvl="4" indent="-304800" algn="l" rtl="0">
              <a:lnSpc>
                <a:spcPct val="90000"/>
              </a:lnSpc>
              <a:spcBef>
                <a:spcPts val="600"/>
              </a:spcBef>
              <a:spcAft>
                <a:spcPts val="0"/>
              </a:spcAft>
              <a:buClr>
                <a:schemeClr val="accent2"/>
              </a:buClr>
              <a:buSzPts val="1200"/>
              <a:buFont typeface="Arial"/>
              <a:buChar char="−"/>
              <a:defRPr sz="1200" b="0" i="0" u="none" strike="noStrike" cap="none">
                <a:solidFill>
                  <a:schemeClr val="dk1"/>
                </a:solidFill>
                <a:latin typeface="Arial"/>
                <a:ea typeface="Arial"/>
                <a:cs typeface="Arial"/>
                <a:sym typeface="Arial"/>
              </a:defRPr>
            </a:lvl5pPr>
            <a:lvl6pPr marL="2743200" marR="0" lvl="5" indent="-304800" algn="l" rtl="0">
              <a:lnSpc>
                <a:spcPct val="90000"/>
              </a:lnSpc>
              <a:spcBef>
                <a:spcPts val="600"/>
              </a:spcBef>
              <a:spcAft>
                <a:spcPts val="0"/>
              </a:spcAft>
              <a:buClr>
                <a:schemeClr val="accent1"/>
              </a:buClr>
              <a:buSzPts val="1200"/>
              <a:buFont typeface="Arial"/>
              <a:buChar char="−"/>
              <a:defRPr sz="1200" b="0" i="0" u="none" strike="noStrike" cap="none">
                <a:solidFill>
                  <a:schemeClr val="dk1"/>
                </a:solidFill>
                <a:latin typeface="Arial"/>
                <a:ea typeface="Arial"/>
                <a:cs typeface="Arial"/>
                <a:sym typeface="Arial"/>
              </a:defRPr>
            </a:lvl6pPr>
            <a:lvl7pPr marL="3200400" marR="0" lvl="6" indent="-304800" algn="l" rtl="0">
              <a:lnSpc>
                <a:spcPct val="90000"/>
              </a:lnSpc>
              <a:spcBef>
                <a:spcPts val="600"/>
              </a:spcBef>
              <a:spcAft>
                <a:spcPts val="0"/>
              </a:spcAft>
              <a:buClr>
                <a:schemeClr val="accent1"/>
              </a:buClr>
              <a:buSzPts val="1200"/>
              <a:buFont typeface="Arial"/>
              <a:buChar char="−"/>
              <a:defRPr sz="1200" b="0" i="0" u="none" strike="noStrike" cap="none">
                <a:solidFill>
                  <a:schemeClr val="dk1"/>
                </a:solidFill>
                <a:latin typeface="Arial"/>
                <a:ea typeface="Arial"/>
                <a:cs typeface="Arial"/>
                <a:sym typeface="Arial"/>
              </a:defRPr>
            </a:lvl7pPr>
            <a:lvl8pPr marL="3657600" marR="0" lvl="7" indent="-304800" algn="l" rtl="0">
              <a:lnSpc>
                <a:spcPct val="90000"/>
              </a:lnSpc>
              <a:spcBef>
                <a:spcPts val="600"/>
              </a:spcBef>
              <a:spcAft>
                <a:spcPts val="0"/>
              </a:spcAft>
              <a:buClr>
                <a:schemeClr val="accent1"/>
              </a:buClr>
              <a:buSzPts val="1200"/>
              <a:buFont typeface="Arial"/>
              <a:buChar char="−"/>
              <a:defRPr sz="1200" b="0" i="0" u="none" strike="noStrike" cap="none">
                <a:solidFill>
                  <a:schemeClr val="dk1"/>
                </a:solidFill>
                <a:latin typeface="Arial"/>
                <a:ea typeface="Arial"/>
                <a:cs typeface="Arial"/>
                <a:sym typeface="Arial"/>
              </a:defRPr>
            </a:lvl8pPr>
            <a:lvl9pPr marL="4114800" marR="0" lvl="8" indent="-304800" algn="l" rtl="0">
              <a:lnSpc>
                <a:spcPct val="90000"/>
              </a:lnSpc>
              <a:spcBef>
                <a:spcPts val="600"/>
              </a:spcBef>
              <a:spcAft>
                <a:spcPts val="600"/>
              </a:spcAft>
              <a:buClr>
                <a:schemeClr val="accent1"/>
              </a:buClr>
              <a:buSzPts val="1200"/>
              <a:buFont typeface="Arial"/>
              <a:buChar char="−"/>
              <a:defRPr sz="1200" b="0" i="0" u="none" strike="noStrike" cap="none">
                <a:solidFill>
                  <a:schemeClr val="dk1"/>
                </a:solidFill>
                <a:latin typeface="Arial"/>
                <a:ea typeface="Arial"/>
                <a:cs typeface="Arial"/>
                <a:sym typeface="Arial"/>
              </a:defRPr>
            </a:lvl9pPr>
          </a:lstStyle>
          <a:p>
            <a:endParaRPr/>
          </a:p>
        </p:txBody>
      </p:sp>
    </p:spTree>
  </p:cSld>
  <p:clrMap bg1="lt1" tx1="dk1" bg2="dk2" tx2="lt2" accent1="accent1" accent2="accent2" accent3="accent3" accent4="accent4" accent5="accent5" accent6="accent6" hlink="hlink" folHlink="folHlink"/>
  <p:sldLayoutIdLst>
    <p:sldLayoutId id="2147483659" r:id="rId1"/>
    <p:sldLayoutId id="2147483689" r:id="rId2"/>
    <p:sldLayoutId id="2147483700" r:id="rId3"/>
    <p:sldLayoutId id="2147483701" r:id="rId4"/>
    <p:sldLayoutId id="2147483702" r:id="rId5"/>
    <p:sldLayoutId id="2147483703" r:id="rId6"/>
    <p:sldLayoutId id="2147483705" r:id="rId7"/>
  </p:sldLayoutIdLst>
  <p:transition>
    <p:fade/>
  </p:transition>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extLst>
    <p:ext uri="{27BBF7A9-308A-43DC-89C8-2F10F3537804}">
      <p15:sldGuideLst xmlns:p15="http://schemas.microsoft.com/office/powerpoint/2012/main">
        <p15:guide id="1" orient="horz" pos="804">
          <p15:clr>
            <a:srgbClr val="F26B43"/>
          </p15:clr>
        </p15:guide>
        <p15:guide id="2" pos="2880">
          <p15:clr>
            <a:srgbClr val="F26B43"/>
          </p15:clr>
        </p15:guide>
        <p15:guide id="3" pos="249">
          <p15:clr>
            <a:srgbClr val="F26B43"/>
          </p15:clr>
        </p15:guide>
        <p15:guide id="4" pos="5511">
          <p15:clr>
            <a:srgbClr val="F26B43"/>
          </p15:clr>
        </p15:guide>
        <p15:guide id="5" pos="2835">
          <p15:clr>
            <a:srgbClr val="F26B43"/>
          </p15:clr>
        </p15:guide>
        <p15:guide id="6" pos="2925">
          <p15:clr>
            <a:srgbClr val="F26B43"/>
          </p15:clr>
        </p15:guide>
        <p15:guide id="7" orient="horz" pos="2989">
          <p15:clr>
            <a:srgbClr val="F26B43"/>
          </p15:clr>
        </p15:guide>
        <p15:guide id="8" orient="horz" pos="25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2.xml"/><Relationship Id="rId5" Type="http://schemas.openxmlformats.org/officeDocument/2006/relationships/comments" Target="../comments/comment2.xml"/><Relationship Id="rId4" Type="http://schemas.openxmlformats.org/officeDocument/2006/relationships/image" Target="../media/image17.png"/></Relationships>
</file>

<file path=ppt/slides/_rels/slide11.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7.gif"/><Relationship Id="rId2" Type="http://schemas.openxmlformats.org/officeDocument/2006/relationships/notesSlide" Target="../notesSlides/notesSlide12.xml"/><Relationship Id="rId1" Type="http://schemas.openxmlformats.org/officeDocument/2006/relationships/slideLayout" Target="../slideLayouts/slideLayout2.xml"/><Relationship Id="rId4" Type="http://schemas.openxmlformats.org/officeDocument/2006/relationships/image" Target="../media/image19.png"/></Relationships>
</file>

<file path=ppt/slides/_rels/slide13.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3.xml"/><Relationship Id="rId1" Type="http://schemas.openxmlformats.org/officeDocument/2006/relationships/slideLayout" Target="../slideLayouts/slideLayout2.xml"/><Relationship Id="rId4" Type="http://schemas.openxmlformats.org/officeDocument/2006/relationships/image" Target="../media/image21.png"/></Relationships>
</file>

<file path=ppt/slides/_rels/slide1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4.xml"/><Relationship Id="rId1" Type="http://schemas.openxmlformats.org/officeDocument/2006/relationships/slideLayout" Target="../slideLayouts/slideLayout2.xml"/><Relationship Id="rId5" Type="http://schemas.openxmlformats.org/officeDocument/2006/relationships/image" Target="../media/image21.png"/><Relationship Id="rId4" Type="http://schemas.openxmlformats.org/officeDocument/2006/relationships/image" Target="../media/image23.png"/></Relationships>
</file>

<file path=ppt/slides/_rels/slide15.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5.xml"/><Relationship Id="rId1" Type="http://schemas.openxmlformats.org/officeDocument/2006/relationships/slideLayout" Target="../slideLayouts/slideLayout2.xml"/><Relationship Id="rId6" Type="http://schemas.openxmlformats.org/officeDocument/2006/relationships/image" Target="../media/image21.png"/><Relationship Id="rId5" Type="http://schemas.openxmlformats.org/officeDocument/2006/relationships/image" Target="../media/image26.png"/><Relationship Id="rId4" Type="http://schemas.openxmlformats.org/officeDocument/2006/relationships/image" Target="../media/image25.jpeg"/></Relationships>
</file>

<file path=ppt/slides/_rels/slide16.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16.xml"/><Relationship Id="rId1" Type="http://schemas.openxmlformats.org/officeDocument/2006/relationships/slideLayout" Target="../slideLayouts/slideLayout2.xml"/><Relationship Id="rId6" Type="http://schemas.openxmlformats.org/officeDocument/2006/relationships/comments" Target="../comments/comment3.xml"/><Relationship Id="rId5" Type="http://schemas.openxmlformats.org/officeDocument/2006/relationships/image" Target="../media/image14.jpeg"/><Relationship Id="rId4" Type="http://schemas.openxmlformats.org/officeDocument/2006/relationships/image" Target="../media/image28.jpeg"/></Relationships>
</file>

<file path=ppt/slides/_rels/slide17.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7.xml"/><Relationship Id="rId1" Type="http://schemas.openxmlformats.org/officeDocument/2006/relationships/slideLayout" Target="../slideLayouts/slideLayout2.xml"/><Relationship Id="rId4" Type="http://schemas.openxmlformats.org/officeDocument/2006/relationships/image" Target="../media/image1.pn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2.xml"/><Relationship Id="rId1" Type="http://schemas.openxmlformats.org/officeDocument/2006/relationships/tags" Target="../tags/tag2.xml"/><Relationship Id="rId5" Type="http://schemas.openxmlformats.org/officeDocument/2006/relationships/image" Target="../media/image19.png"/><Relationship Id="rId4" Type="http://schemas.openxmlformats.org/officeDocument/2006/relationships/image" Target="../media/image16.png"/></Relationships>
</file>

<file path=ppt/slides/_rels/slide1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9.xml"/><Relationship Id="rId1" Type="http://schemas.openxmlformats.org/officeDocument/2006/relationships/slideLayout" Target="../slideLayouts/slideLayout2.xml"/><Relationship Id="rId4" Type="http://schemas.openxmlformats.org/officeDocument/2006/relationships/image" Target="../media/image19.png"/></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20.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 Id="rId9" Type="http://schemas.openxmlformats.org/officeDocument/2006/relationships/image" Target="../media/image1.png"/></Relationships>
</file>

<file path=ppt/slides/_rels/slide2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1.xml"/><Relationship Id="rId1" Type="http://schemas.openxmlformats.org/officeDocument/2006/relationships/slideLayout" Target="../slideLayouts/slideLayout2.xml"/><Relationship Id="rId5" Type="http://schemas.openxmlformats.org/officeDocument/2006/relationships/comments" Target="../comments/comment4.xml"/><Relationship Id="rId4" Type="http://schemas.openxmlformats.org/officeDocument/2006/relationships/image" Target="../media/image1.pn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23.xml"/><Relationship Id="rId1" Type="http://schemas.openxmlformats.org/officeDocument/2006/relationships/slideLayout" Target="../slideLayouts/slideLayout2.xml"/><Relationship Id="rId5" Type="http://schemas.openxmlformats.org/officeDocument/2006/relationships/hyperlink" Target="https://mottmac.sharepoint.com/sites/AutomationComputationalDesign" TargetMode="External"/><Relationship Id="rId4" Type="http://schemas.openxmlformats.org/officeDocument/2006/relationships/image" Target="../media/image31.png"/></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5.gif"/><Relationship Id="rId2" Type="http://schemas.openxmlformats.org/officeDocument/2006/relationships/notesSlide" Target="../notesSlides/notesSlide5.xml"/><Relationship Id="rId1" Type="http://schemas.openxmlformats.org/officeDocument/2006/relationships/slideLayout" Target="../slideLayouts/slideLayout6.xml"/><Relationship Id="rId6" Type="http://schemas.microsoft.com/office/2007/relationships/hdphoto" Target="../media/hdphoto2.wdp"/><Relationship Id="rId5" Type="http://schemas.openxmlformats.org/officeDocument/2006/relationships/image" Target="../media/image4.png"/><Relationship Id="rId4" Type="http://schemas.microsoft.com/office/2007/relationships/hdphoto" Target="../media/hdphoto1.wdp"/></Relationships>
</file>

<file path=ppt/slides/_rels/slide6.xml.rels><?xml version="1.0" encoding="UTF-8" standalone="yes"?>
<Relationships xmlns="http://schemas.openxmlformats.org/package/2006/relationships"><Relationship Id="rId3" Type="http://schemas.openxmlformats.org/officeDocument/2006/relationships/image" Target="../media/image6.gif"/><Relationship Id="rId7" Type="http://schemas.microsoft.com/office/2007/relationships/hdphoto" Target="../media/hdphoto3.wdp"/><Relationship Id="rId2" Type="http://schemas.openxmlformats.org/officeDocument/2006/relationships/notesSlide" Target="../notesSlides/notesSlide6.xml"/><Relationship Id="rId1" Type="http://schemas.openxmlformats.org/officeDocument/2006/relationships/slideLayout" Target="../slideLayouts/slideLayout7.xml"/><Relationship Id="rId6" Type="http://schemas.openxmlformats.org/officeDocument/2006/relationships/image" Target="../media/image9.png"/><Relationship Id="rId5" Type="http://schemas.openxmlformats.org/officeDocument/2006/relationships/image" Target="../media/image8.jpeg"/><Relationship Id="rId4" Type="http://schemas.openxmlformats.org/officeDocument/2006/relationships/image" Target="../media/image7.gif"/></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5.xml"/><Relationship Id="rId1" Type="http://schemas.openxmlformats.org/officeDocument/2006/relationships/tags" Target="../tags/tag1.xml"/><Relationship Id="rId4" Type="http://schemas.openxmlformats.org/officeDocument/2006/relationships/comments" Target="../comments/comment1.xml"/></Relationships>
</file>

<file path=ppt/slides/_rels/slide8.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jpeg"/><Relationship Id="rId2" Type="http://schemas.openxmlformats.org/officeDocument/2006/relationships/notesSlide" Target="../notesSlides/notesSlide8.xml"/><Relationship Id="rId1" Type="http://schemas.openxmlformats.org/officeDocument/2006/relationships/slideLayout" Target="../slideLayouts/slideLayout2.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jpe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362"/>
        <p:cNvGrpSpPr/>
        <p:nvPr/>
      </p:nvGrpSpPr>
      <p:grpSpPr>
        <a:xfrm>
          <a:off x="0" y="0"/>
          <a:ext cx="0" cy="0"/>
          <a:chOff x="0" y="0"/>
          <a:chExt cx="0" cy="0"/>
        </a:xfrm>
      </p:grpSpPr>
      <p:sp>
        <p:nvSpPr>
          <p:cNvPr id="365" name="Google Shape;365;p54"/>
          <p:cNvSpPr txBox="1">
            <a:spLocks noGrp="1"/>
          </p:cNvSpPr>
          <p:nvPr>
            <p:ph type="title"/>
          </p:nvPr>
        </p:nvSpPr>
        <p:spPr>
          <a:xfrm>
            <a:off x="395291" y="1762822"/>
            <a:ext cx="6782344" cy="1189042"/>
          </a:xfrm>
          <a:prstGeom prst="rect">
            <a:avLst/>
          </a:prstGeom>
          <a:noFill/>
          <a:ln>
            <a:noFill/>
          </a:ln>
        </p:spPr>
        <p:txBody>
          <a:bodyPr spcFirstLastPara="1" wrap="square" lIns="0" tIns="0" rIns="0" bIns="0" anchor="b" anchorCtr="0">
            <a:noAutofit/>
          </a:bodyPr>
          <a:lstStyle/>
          <a:p>
            <a:r>
              <a:rPr lang="en-AU" b="1" dirty="0"/>
              <a:t>What is coding</a:t>
            </a:r>
            <a:br>
              <a:rPr lang="en-AU" sz="2400" dirty="0"/>
            </a:br>
            <a:r>
              <a:rPr lang="en-AU" sz="1800" dirty="0"/>
              <a:t>And how can it help us?</a:t>
            </a:r>
            <a:br>
              <a:rPr lang="en-AU" sz="2400" dirty="0"/>
            </a:br>
            <a:br>
              <a:rPr lang="en-AU" sz="2400" dirty="0"/>
            </a:br>
            <a:r>
              <a:rPr lang="en-AU" sz="1600" dirty="0"/>
              <a:t>Steve Grigg - Australian ACD Lead</a:t>
            </a:r>
            <a:endParaRPr lang="en-AU" sz="2400" dirty="0"/>
          </a:p>
        </p:txBody>
      </p:sp>
      <p:pic>
        <p:nvPicPr>
          <p:cNvPr id="6" name="Picture 9" descr="cid:image001.png@01D4E5AD.A85654C0">
            <a:extLst>
              <a:ext uri="{FF2B5EF4-FFF2-40B4-BE49-F238E27FC236}">
                <a16:creationId xmlns:a16="http://schemas.microsoft.com/office/drawing/2014/main" id="{DC62CF9F-54A2-4094-825A-C4E0BAC465E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l="6743" r="6743"/>
          <a:stretch>
            <a:fillRect/>
          </a:stretch>
        </p:blipFill>
        <p:spPr bwMode="auto">
          <a:xfrm>
            <a:off x="395291" y="3680572"/>
            <a:ext cx="1749966" cy="11890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34EA307-2F5D-42FB-99BB-B7C510669730}"/>
              </a:ext>
            </a:extLst>
          </p:cNvPr>
          <p:cNvSpPr>
            <a:spLocks noGrp="1"/>
          </p:cNvSpPr>
          <p:nvPr>
            <p:ph type="title"/>
          </p:nvPr>
        </p:nvSpPr>
        <p:spPr/>
        <p:txBody>
          <a:bodyPr/>
          <a:lstStyle/>
          <a:p>
            <a:r>
              <a:rPr lang="en-GB" b="1"/>
              <a:t>Automation &amp; Computational Design – Coding Clubs</a:t>
            </a:r>
            <a:endParaRPr lang="en-AU" b="1"/>
          </a:p>
        </p:txBody>
      </p:sp>
      <p:sp>
        <p:nvSpPr>
          <p:cNvPr id="7" name="TextBox 6">
            <a:extLst>
              <a:ext uri="{FF2B5EF4-FFF2-40B4-BE49-F238E27FC236}">
                <a16:creationId xmlns:a16="http://schemas.microsoft.com/office/drawing/2014/main" id="{2E192B8A-372C-4D0A-B427-94657CDDBBEC}"/>
              </a:ext>
            </a:extLst>
          </p:cNvPr>
          <p:cNvSpPr txBox="1"/>
          <p:nvPr/>
        </p:nvSpPr>
        <p:spPr>
          <a:xfrm>
            <a:off x="315777" y="951226"/>
            <a:ext cx="8521243" cy="4192273"/>
          </a:xfrm>
          <a:prstGeom prst="rect">
            <a:avLst/>
          </a:prstGeom>
          <a:noFill/>
          <a:ln>
            <a:noFill/>
          </a:ln>
        </p:spPr>
        <p:txBody>
          <a:bodyPr spcFirstLastPara="1" wrap="square" lIns="0" tIns="0" rIns="0" bIns="0" anchor="t" anchorCtr="0"/>
          <a:lstStyle>
            <a:defPPr marR="0" lvl="0" algn="l" rtl="0">
              <a:lnSpc>
                <a:spcPct val="100000"/>
              </a:lnSpc>
              <a:spcBef>
                <a:spcPts val="0"/>
              </a:spcBef>
              <a:spcAft>
                <a:spcPts val="0"/>
              </a:spcAft>
            </a:defPPr>
            <a:lvl1pPr marL="457200" indent="-228600">
              <a:buClr>
                <a:schemeClr val="accent1"/>
              </a:buClr>
              <a:buSzPts val="1600"/>
              <a:buNone/>
              <a:defRPr sz="1600">
                <a:solidFill>
                  <a:schemeClr val="dk2"/>
                </a:solidFill>
              </a:defRPr>
            </a:lvl1pPr>
            <a:lvl2pPr marL="914400" indent="-228600">
              <a:spcBef>
                <a:spcPts val="1200"/>
              </a:spcBef>
              <a:buClr>
                <a:schemeClr val="accent1"/>
              </a:buClr>
              <a:buSzPts val="1600"/>
              <a:buNone/>
              <a:defRPr sz="1600">
                <a:solidFill>
                  <a:schemeClr val="accent1"/>
                </a:solidFill>
              </a:defRPr>
            </a:lvl2pPr>
            <a:lvl3pPr marL="1371600" indent="-228600">
              <a:spcBef>
                <a:spcPts val="600"/>
              </a:spcBef>
              <a:buClr>
                <a:schemeClr val="accent2"/>
              </a:buClr>
              <a:buSzPts val="1600"/>
              <a:buNone/>
              <a:defRPr sz="1600">
                <a:solidFill>
                  <a:schemeClr val="accent1"/>
                </a:solidFill>
              </a:defRPr>
            </a:lvl3pPr>
            <a:lvl4pPr marL="1828800" indent="-228600">
              <a:spcBef>
                <a:spcPts val="600"/>
              </a:spcBef>
              <a:buClr>
                <a:schemeClr val="accent2"/>
              </a:buClr>
              <a:buSzPts val="1600"/>
              <a:buNone/>
              <a:defRPr sz="1600">
                <a:solidFill>
                  <a:schemeClr val="accent1"/>
                </a:solidFill>
              </a:defRPr>
            </a:lvl4pPr>
            <a:lvl5pPr marL="2286000" indent="-228600">
              <a:spcBef>
                <a:spcPts val="600"/>
              </a:spcBef>
              <a:buClr>
                <a:schemeClr val="accent2"/>
              </a:buClr>
              <a:buSzPts val="1600"/>
              <a:buNone/>
              <a:defRPr sz="1600">
                <a:solidFill>
                  <a:schemeClr val="accent1"/>
                </a:solidFill>
              </a:defRPr>
            </a:lvl5pPr>
            <a:lvl6pPr marL="2743200" indent="-342900">
              <a:lnSpc>
                <a:spcPct val="90000"/>
              </a:lnSpc>
              <a:spcBef>
                <a:spcPts val="600"/>
              </a:spcBef>
              <a:buClr>
                <a:schemeClr val="accent1"/>
              </a:buClr>
              <a:buSzPts val="1800"/>
              <a:buChar char="−"/>
              <a:defRPr sz="1200">
                <a:solidFill>
                  <a:schemeClr val="dk1"/>
                </a:solidFill>
              </a:defRPr>
            </a:lvl6pPr>
            <a:lvl7pPr marL="3200400" indent="-342900">
              <a:lnSpc>
                <a:spcPct val="90000"/>
              </a:lnSpc>
              <a:spcBef>
                <a:spcPts val="600"/>
              </a:spcBef>
              <a:buClr>
                <a:schemeClr val="accent1"/>
              </a:buClr>
              <a:buSzPts val="1800"/>
              <a:buChar char="−"/>
              <a:defRPr sz="1200">
                <a:solidFill>
                  <a:schemeClr val="dk1"/>
                </a:solidFill>
              </a:defRPr>
            </a:lvl7pPr>
            <a:lvl8pPr marL="3657600" indent="-342900">
              <a:lnSpc>
                <a:spcPct val="90000"/>
              </a:lnSpc>
              <a:spcBef>
                <a:spcPts val="600"/>
              </a:spcBef>
              <a:buClr>
                <a:schemeClr val="accent1"/>
              </a:buClr>
              <a:buSzPts val="1800"/>
              <a:buChar char="−"/>
              <a:defRPr sz="1200">
                <a:solidFill>
                  <a:schemeClr val="dk1"/>
                </a:solidFill>
              </a:defRPr>
            </a:lvl8pPr>
            <a:lvl9pPr marL="4114800" indent="-342900">
              <a:lnSpc>
                <a:spcPct val="90000"/>
              </a:lnSpc>
              <a:spcBef>
                <a:spcPts val="600"/>
              </a:spcBef>
              <a:spcAft>
                <a:spcPts val="600"/>
              </a:spcAft>
              <a:buClr>
                <a:schemeClr val="accent1"/>
              </a:buClr>
              <a:buSzPts val="1800"/>
              <a:buChar char="−"/>
              <a:defRPr sz="1200">
                <a:solidFill>
                  <a:schemeClr val="dk1"/>
                </a:solidFill>
              </a:defRPr>
            </a:lvl9pPr>
          </a:lstStyle>
          <a:p>
            <a:pPr marL="285750" indent="-285750">
              <a:buFont typeface="Arial" panose="020B0604020202020204" pitchFamily="34" charset="0"/>
              <a:buChar char="•"/>
            </a:pPr>
            <a:r>
              <a:rPr lang="en-AU"/>
              <a:t>Digital Delivery Network (Practice)</a:t>
            </a:r>
          </a:p>
          <a:p>
            <a:pPr marL="742950" lvl="1" indent="-285750">
              <a:buFont typeface="Wingdings" panose="05000000000000000000" pitchFamily="2" charset="2"/>
              <a:buChar char="à"/>
            </a:pPr>
            <a:r>
              <a:rPr lang="en-AU">
                <a:solidFill>
                  <a:schemeClr val="dk2"/>
                </a:solidFill>
              </a:rPr>
              <a:t>“</a:t>
            </a:r>
            <a:r>
              <a:rPr lang="en-AU" b="1">
                <a:solidFill>
                  <a:schemeClr val="dk2"/>
                </a:solidFill>
              </a:rPr>
              <a:t>Automation</a:t>
            </a:r>
            <a:r>
              <a:rPr lang="en-GB" b="1">
                <a:solidFill>
                  <a:schemeClr val="dk2"/>
                </a:solidFill>
              </a:rPr>
              <a:t> &amp; Computational Design</a:t>
            </a:r>
            <a:r>
              <a:rPr lang="en-GB">
                <a:solidFill>
                  <a:schemeClr val="dk2"/>
                </a:solidFill>
              </a:rPr>
              <a:t>” a community part of DDN formed in 2019</a:t>
            </a:r>
          </a:p>
          <a:p>
            <a:pPr marL="742950" lvl="1" indent="-285750">
              <a:buFont typeface="Wingdings" panose="05000000000000000000" pitchFamily="2" charset="2"/>
              <a:buChar char="à"/>
            </a:pPr>
            <a:endParaRPr lang="en-GB"/>
          </a:p>
          <a:p>
            <a:pPr marL="285750" indent="-285750">
              <a:buFont typeface="Arial" panose="020B0604020202020204" pitchFamily="34" charset="0"/>
              <a:buChar char="•"/>
            </a:pPr>
            <a:r>
              <a:rPr lang="en-AU"/>
              <a:t>Global initiative “</a:t>
            </a:r>
            <a:r>
              <a:rPr lang="en-AU" b="1"/>
              <a:t>Advanced Computational Design</a:t>
            </a:r>
            <a:r>
              <a:rPr lang="en-AU"/>
              <a:t>” + “</a:t>
            </a:r>
            <a:r>
              <a:rPr lang="en-AU" b="1"/>
              <a:t>Automation, Coding &amp; Scripting</a:t>
            </a:r>
            <a:r>
              <a:rPr lang="en-AU"/>
              <a:t>”</a:t>
            </a:r>
          </a:p>
          <a:p>
            <a:pPr marL="285750" indent="-285750">
              <a:buFont typeface="Arial" panose="020B0604020202020204" pitchFamily="34" charset="0"/>
              <a:buChar char="•"/>
            </a:pPr>
            <a:endParaRPr lang="en-AU"/>
          </a:p>
          <a:p>
            <a:pPr marL="285750" indent="-285750">
              <a:buFont typeface="Arial" panose="020B0604020202020204" pitchFamily="34" charset="0"/>
              <a:buChar char="•"/>
            </a:pPr>
            <a:r>
              <a:rPr lang="en-AU"/>
              <a:t>Previous launch of “</a:t>
            </a:r>
            <a:r>
              <a:rPr lang="en-AU" b="1"/>
              <a:t>Coding Club</a:t>
            </a:r>
            <a:r>
              <a:rPr lang="en-AU"/>
              <a:t>” in Cambridge and Auckland</a:t>
            </a:r>
          </a:p>
          <a:p>
            <a:pPr marL="285750" indent="-285750">
              <a:buFont typeface="Arial" panose="020B0604020202020204" pitchFamily="34" charset="0"/>
              <a:buChar char="•"/>
            </a:pPr>
            <a:endParaRPr lang="en-AU"/>
          </a:p>
          <a:p>
            <a:pPr marL="285750" indent="-285750">
              <a:buFont typeface="Arial" panose="020B0604020202020204" pitchFamily="34" charset="0"/>
              <a:buChar char="•"/>
            </a:pPr>
            <a:r>
              <a:rPr lang="en-AU"/>
              <a:t>“</a:t>
            </a:r>
            <a:r>
              <a:rPr lang="en-AU" b="1"/>
              <a:t>Coding Club</a:t>
            </a:r>
            <a:r>
              <a:rPr lang="en-AU"/>
              <a:t>” to be launched in Australia in 2021</a:t>
            </a:r>
          </a:p>
          <a:p>
            <a:pPr marL="742950" lvl="1" indent="-285750">
              <a:buFont typeface="Arial" panose="020B0604020202020204" pitchFamily="34" charset="0"/>
              <a:buChar char="•"/>
            </a:pPr>
            <a:r>
              <a:rPr lang="en-AU">
                <a:solidFill>
                  <a:schemeClr val="dk2"/>
                </a:solidFill>
              </a:rPr>
              <a:t>Python</a:t>
            </a:r>
          </a:p>
          <a:p>
            <a:pPr marL="742950" lvl="1" indent="-285750">
              <a:buFont typeface="Arial" panose="020B0604020202020204" pitchFamily="34" charset="0"/>
              <a:buChar char="•"/>
            </a:pPr>
            <a:r>
              <a:rPr lang="en-AU">
                <a:solidFill>
                  <a:schemeClr val="dk2"/>
                </a:solidFill>
              </a:rPr>
              <a:t> </a:t>
            </a:r>
          </a:p>
          <a:p>
            <a:pPr marL="742950" lvl="1" indent="-285750">
              <a:buFont typeface="Arial" panose="020B0604020202020204" pitchFamily="34" charset="0"/>
              <a:buChar char="•"/>
            </a:pPr>
            <a:r>
              <a:rPr lang="en-AU">
                <a:solidFill>
                  <a:schemeClr val="dk2"/>
                </a:solidFill>
              </a:rPr>
              <a:t>and many more…</a:t>
            </a:r>
          </a:p>
          <a:p>
            <a:pPr marL="285750" indent="-285750">
              <a:buFont typeface="Arial" panose="020B0604020202020204" pitchFamily="34" charset="0"/>
              <a:buChar char="•"/>
            </a:pPr>
            <a:endParaRPr lang="en-AU"/>
          </a:p>
          <a:p>
            <a:pPr marL="285750" indent="-285750">
              <a:buFont typeface="Arial" panose="020B0604020202020204" pitchFamily="34" charset="0"/>
              <a:buChar char="•"/>
            </a:pPr>
            <a:r>
              <a:rPr lang="en-AU"/>
              <a:t>Target audience: Technical + Non-Technical Team</a:t>
            </a:r>
          </a:p>
          <a:p>
            <a:pPr marL="285750" indent="-285750">
              <a:buFont typeface="Arial" panose="020B0604020202020204" pitchFamily="34" charset="0"/>
              <a:buChar char="•"/>
            </a:pPr>
            <a:endParaRPr lang="en-AU"/>
          </a:p>
        </p:txBody>
      </p:sp>
      <p:pic>
        <p:nvPicPr>
          <p:cNvPr id="11" name="Picture 2" descr="Welcome to Python.org">
            <a:extLst>
              <a:ext uri="{FF2B5EF4-FFF2-40B4-BE49-F238E27FC236}">
                <a16:creationId xmlns:a16="http://schemas.microsoft.com/office/drawing/2014/main" id="{EA792D62-0DA0-4B4F-9F41-71D1A373E96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95922" y="3146559"/>
            <a:ext cx="652048" cy="652048"/>
          </a:xfrm>
          <a:prstGeom prst="rect">
            <a:avLst/>
          </a:prstGeom>
          <a:noFill/>
          <a:extLst>
            <a:ext uri="{909E8E84-426E-40DD-AFC4-6F175D3DCCD1}">
              <a14:hiddenFill xmlns:a14="http://schemas.microsoft.com/office/drawing/2010/main">
                <a:solidFill>
                  <a:srgbClr val="FFFFFF"/>
                </a:solidFill>
              </a14:hiddenFill>
            </a:ext>
          </a:extLst>
        </p:spPr>
      </p:pic>
      <p:pic>
        <p:nvPicPr>
          <p:cNvPr id="2" name="Picture 1">
            <a:extLst>
              <a:ext uri="{FF2B5EF4-FFF2-40B4-BE49-F238E27FC236}">
                <a16:creationId xmlns:a16="http://schemas.microsoft.com/office/drawing/2014/main" id="{57884430-0FBC-4478-B63E-6DA178E3C6D2}"/>
              </a:ext>
            </a:extLst>
          </p:cNvPr>
          <p:cNvPicPr>
            <a:picLocks noChangeAspect="1"/>
          </p:cNvPicPr>
          <p:nvPr/>
        </p:nvPicPr>
        <p:blipFill>
          <a:blip r:embed="rId4"/>
          <a:stretch>
            <a:fillRect/>
          </a:stretch>
        </p:blipFill>
        <p:spPr>
          <a:xfrm>
            <a:off x="994597" y="3728484"/>
            <a:ext cx="1706017" cy="422920"/>
          </a:xfrm>
          <a:prstGeom prst="rect">
            <a:avLst/>
          </a:prstGeom>
        </p:spPr>
      </p:pic>
      <p:sp>
        <p:nvSpPr>
          <p:cNvPr id="3" name="Rectangle: Rounded Corners 2">
            <a:extLst>
              <a:ext uri="{FF2B5EF4-FFF2-40B4-BE49-F238E27FC236}">
                <a16:creationId xmlns:a16="http://schemas.microsoft.com/office/drawing/2014/main" id="{B8B90109-856F-49F1-A890-D7D639B948ED}"/>
              </a:ext>
            </a:extLst>
          </p:cNvPr>
          <p:cNvSpPr/>
          <p:nvPr/>
        </p:nvSpPr>
        <p:spPr>
          <a:xfrm>
            <a:off x="540435" y="3211033"/>
            <a:ext cx="2346251" cy="517451"/>
          </a:xfrm>
          <a:custGeom>
            <a:avLst/>
            <a:gdLst>
              <a:gd name="connsiteX0" fmla="*/ 0 w 2346251"/>
              <a:gd name="connsiteY0" fmla="*/ 86244 h 517451"/>
              <a:gd name="connsiteX1" fmla="*/ 86244 w 2346251"/>
              <a:gd name="connsiteY1" fmla="*/ 0 h 517451"/>
              <a:gd name="connsiteX2" fmla="*/ 673160 w 2346251"/>
              <a:gd name="connsiteY2" fmla="*/ 0 h 517451"/>
              <a:gd name="connsiteX3" fmla="*/ 1194863 w 2346251"/>
              <a:gd name="connsiteY3" fmla="*/ 0 h 517451"/>
              <a:gd name="connsiteX4" fmla="*/ 1694829 w 2346251"/>
              <a:gd name="connsiteY4" fmla="*/ 0 h 517451"/>
              <a:gd name="connsiteX5" fmla="*/ 2260007 w 2346251"/>
              <a:gd name="connsiteY5" fmla="*/ 0 h 517451"/>
              <a:gd name="connsiteX6" fmla="*/ 2346251 w 2346251"/>
              <a:gd name="connsiteY6" fmla="*/ 86244 h 517451"/>
              <a:gd name="connsiteX7" fmla="*/ 2346251 w 2346251"/>
              <a:gd name="connsiteY7" fmla="*/ 431207 h 517451"/>
              <a:gd name="connsiteX8" fmla="*/ 2260007 w 2346251"/>
              <a:gd name="connsiteY8" fmla="*/ 517451 h 517451"/>
              <a:gd name="connsiteX9" fmla="*/ 1760042 w 2346251"/>
              <a:gd name="connsiteY9" fmla="*/ 517451 h 517451"/>
              <a:gd name="connsiteX10" fmla="*/ 1216601 w 2346251"/>
              <a:gd name="connsiteY10" fmla="*/ 517451 h 517451"/>
              <a:gd name="connsiteX11" fmla="*/ 694898 w 2346251"/>
              <a:gd name="connsiteY11" fmla="*/ 517451 h 517451"/>
              <a:gd name="connsiteX12" fmla="*/ 86244 w 2346251"/>
              <a:gd name="connsiteY12" fmla="*/ 517451 h 517451"/>
              <a:gd name="connsiteX13" fmla="*/ 0 w 2346251"/>
              <a:gd name="connsiteY13" fmla="*/ 431207 h 517451"/>
              <a:gd name="connsiteX14" fmla="*/ 0 w 2346251"/>
              <a:gd name="connsiteY14" fmla="*/ 86244 h 5174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346251" h="517451" extrusionOk="0">
                <a:moveTo>
                  <a:pt x="0" y="86244"/>
                </a:moveTo>
                <a:cubicBezTo>
                  <a:pt x="-8540" y="33345"/>
                  <a:pt x="34708" y="1466"/>
                  <a:pt x="86244" y="0"/>
                </a:cubicBezTo>
                <a:cubicBezTo>
                  <a:pt x="314902" y="29100"/>
                  <a:pt x="489748" y="8232"/>
                  <a:pt x="673160" y="0"/>
                </a:cubicBezTo>
                <a:cubicBezTo>
                  <a:pt x="856572" y="-8232"/>
                  <a:pt x="994810" y="-18078"/>
                  <a:pt x="1194863" y="0"/>
                </a:cubicBezTo>
                <a:cubicBezTo>
                  <a:pt x="1394916" y="18078"/>
                  <a:pt x="1485312" y="12071"/>
                  <a:pt x="1694829" y="0"/>
                </a:cubicBezTo>
                <a:cubicBezTo>
                  <a:pt x="1904346" y="-12071"/>
                  <a:pt x="2059139" y="-22665"/>
                  <a:pt x="2260007" y="0"/>
                </a:cubicBezTo>
                <a:cubicBezTo>
                  <a:pt x="2311237" y="-7407"/>
                  <a:pt x="2339637" y="37600"/>
                  <a:pt x="2346251" y="86244"/>
                </a:cubicBezTo>
                <a:cubicBezTo>
                  <a:pt x="2341923" y="169190"/>
                  <a:pt x="2329024" y="280593"/>
                  <a:pt x="2346251" y="431207"/>
                </a:cubicBezTo>
                <a:cubicBezTo>
                  <a:pt x="2343979" y="482596"/>
                  <a:pt x="2305988" y="515537"/>
                  <a:pt x="2260007" y="517451"/>
                </a:cubicBezTo>
                <a:cubicBezTo>
                  <a:pt x="2082130" y="494851"/>
                  <a:pt x="1914339" y="517460"/>
                  <a:pt x="1760042" y="517451"/>
                </a:cubicBezTo>
                <a:cubicBezTo>
                  <a:pt x="1605746" y="517442"/>
                  <a:pt x="1413486" y="542781"/>
                  <a:pt x="1216601" y="517451"/>
                </a:cubicBezTo>
                <a:cubicBezTo>
                  <a:pt x="1019716" y="492121"/>
                  <a:pt x="848208" y="516951"/>
                  <a:pt x="694898" y="517451"/>
                </a:cubicBezTo>
                <a:cubicBezTo>
                  <a:pt x="541588" y="517951"/>
                  <a:pt x="307440" y="503697"/>
                  <a:pt x="86244" y="517451"/>
                </a:cubicBezTo>
                <a:cubicBezTo>
                  <a:pt x="45473" y="508935"/>
                  <a:pt x="-7181" y="476062"/>
                  <a:pt x="0" y="431207"/>
                </a:cubicBezTo>
                <a:cubicBezTo>
                  <a:pt x="-8838" y="320127"/>
                  <a:pt x="-8671" y="196985"/>
                  <a:pt x="0" y="86244"/>
                </a:cubicBezTo>
                <a:close/>
              </a:path>
            </a:pathLst>
          </a:custGeom>
          <a:noFill/>
          <a:ln>
            <a:solidFill>
              <a:srgbClr val="FF0000"/>
            </a:solidFill>
            <a:extLst>
              <a:ext uri="{C807C97D-BFC1-408E-A445-0C87EB9F89A2}">
                <ask:lineSketchStyleProps xmlns:ask="http://schemas.microsoft.com/office/drawing/2018/sketchyshapes" sd="1219033472">
                  <a:prstGeom prst="round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2085408971"/>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34EA307-2F5D-42FB-99BB-B7C510669730}"/>
              </a:ext>
            </a:extLst>
          </p:cNvPr>
          <p:cNvSpPr>
            <a:spLocks noGrp="1"/>
          </p:cNvSpPr>
          <p:nvPr>
            <p:ph type="title"/>
          </p:nvPr>
        </p:nvSpPr>
        <p:spPr/>
        <p:txBody>
          <a:bodyPr/>
          <a:lstStyle/>
          <a:p>
            <a:r>
              <a:rPr lang="en-GB" b="1"/>
              <a:t>Why Python</a:t>
            </a:r>
            <a:endParaRPr lang="en-AU" b="1"/>
          </a:p>
        </p:txBody>
      </p:sp>
      <p:pic>
        <p:nvPicPr>
          <p:cNvPr id="2050" name="Picture 2" descr="Top 10 In-Demand programming languages to learn in 2020 | by Md  Kamaruzzaman | Towards Data Science">
            <a:extLst>
              <a:ext uri="{FF2B5EF4-FFF2-40B4-BE49-F238E27FC236}">
                <a16:creationId xmlns:a16="http://schemas.microsoft.com/office/drawing/2014/main" id="{5D90DB25-00AE-4F42-BA67-9C4B3A36CAB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96441" y="546100"/>
            <a:ext cx="4256343" cy="4281451"/>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078BE4A3-4A68-48B7-930C-A39E7C281BBC}"/>
              </a:ext>
            </a:extLst>
          </p:cNvPr>
          <p:cNvSpPr txBox="1"/>
          <p:nvPr/>
        </p:nvSpPr>
        <p:spPr>
          <a:xfrm>
            <a:off x="368031" y="951226"/>
            <a:ext cx="4105104" cy="3486095"/>
          </a:xfrm>
          <a:prstGeom prst="rect">
            <a:avLst/>
          </a:prstGeom>
          <a:noFill/>
          <a:ln>
            <a:noFill/>
          </a:ln>
        </p:spPr>
        <p:txBody>
          <a:bodyPr spcFirstLastPara="1" wrap="square" lIns="0" tIns="0" rIns="0" bIns="0" anchor="t" anchorCtr="0"/>
          <a:lstStyle>
            <a:defPPr marR="0" lvl="0" algn="l" rtl="0">
              <a:lnSpc>
                <a:spcPct val="100000"/>
              </a:lnSpc>
              <a:spcBef>
                <a:spcPts val="0"/>
              </a:spcBef>
              <a:spcAft>
                <a:spcPts val="0"/>
              </a:spcAft>
            </a:defPPr>
            <a:lvl1pPr marL="457200" indent="-228600">
              <a:buClr>
                <a:schemeClr val="accent1"/>
              </a:buClr>
              <a:buSzPts val="1600"/>
              <a:buNone/>
              <a:defRPr sz="1600">
                <a:solidFill>
                  <a:schemeClr val="dk2"/>
                </a:solidFill>
              </a:defRPr>
            </a:lvl1pPr>
            <a:lvl2pPr marL="914400" indent="-228600">
              <a:spcBef>
                <a:spcPts val="1200"/>
              </a:spcBef>
              <a:buClr>
                <a:schemeClr val="accent1"/>
              </a:buClr>
              <a:buSzPts val="1600"/>
              <a:buNone/>
              <a:defRPr sz="1600">
                <a:solidFill>
                  <a:schemeClr val="accent1"/>
                </a:solidFill>
              </a:defRPr>
            </a:lvl2pPr>
            <a:lvl3pPr marL="1371600" indent="-228600">
              <a:spcBef>
                <a:spcPts val="600"/>
              </a:spcBef>
              <a:buClr>
                <a:schemeClr val="accent2"/>
              </a:buClr>
              <a:buSzPts val="1600"/>
              <a:buNone/>
              <a:defRPr sz="1600">
                <a:solidFill>
                  <a:schemeClr val="accent1"/>
                </a:solidFill>
              </a:defRPr>
            </a:lvl3pPr>
            <a:lvl4pPr marL="1828800" indent="-228600">
              <a:spcBef>
                <a:spcPts val="600"/>
              </a:spcBef>
              <a:buClr>
                <a:schemeClr val="accent2"/>
              </a:buClr>
              <a:buSzPts val="1600"/>
              <a:buNone/>
              <a:defRPr sz="1600">
                <a:solidFill>
                  <a:schemeClr val="accent1"/>
                </a:solidFill>
              </a:defRPr>
            </a:lvl4pPr>
            <a:lvl5pPr marL="2286000" indent="-228600">
              <a:spcBef>
                <a:spcPts val="600"/>
              </a:spcBef>
              <a:buClr>
                <a:schemeClr val="accent2"/>
              </a:buClr>
              <a:buSzPts val="1600"/>
              <a:buNone/>
              <a:defRPr sz="1600">
                <a:solidFill>
                  <a:schemeClr val="accent1"/>
                </a:solidFill>
              </a:defRPr>
            </a:lvl5pPr>
            <a:lvl6pPr marL="2743200" indent="-342900">
              <a:lnSpc>
                <a:spcPct val="90000"/>
              </a:lnSpc>
              <a:spcBef>
                <a:spcPts val="600"/>
              </a:spcBef>
              <a:buClr>
                <a:schemeClr val="accent1"/>
              </a:buClr>
              <a:buSzPts val="1800"/>
              <a:buChar char="−"/>
              <a:defRPr sz="1200">
                <a:solidFill>
                  <a:schemeClr val="dk1"/>
                </a:solidFill>
              </a:defRPr>
            </a:lvl6pPr>
            <a:lvl7pPr marL="3200400" indent="-342900">
              <a:lnSpc>
                <a:spcPct val="90000"/>
              </a:lnSpc>
              <a:spcBef>
                <a:spcPts val="600"/>
              </a:spcBef>
              <a:buClr>
                <a:schemeClr val="accent1"/>
              </a:buClr>
              <a:buSzPts val="1800"/>
              <a:buChar char="−"/>
              <a:defRPr sz="1200">
                <a:solidFill>
                  <a:schemeClr val="dk1"/>
                </a:solidFill>
              </a:defRPr>
            </a:lvl7pPr>
            <a:lvl8pPr marL="3657600" indent="-342900">
              <a:lnSpc>
                <a:spcPct val="90000"/>
              </a:lnSpc>
              <a:spcBef>
                <a:spcPts val="600"/>
              </a:spcBef>
              <a:buClr>
                <a:schemeClr val="accent1"/>
              </a:buClr>
              <a:buSzPts val="1800"/>
              <a:buChar char="−"/>
              <a:defRPr sz="1200">
                <a:solidFill>
                  <a:schemeClr val="dk1"/>
                </a:solidFill>
              </a:defRPr>
            </a:lvl8pPr>
            <a:lvl9pPr marL="4114800" indent="-342900">
              <a:lnSpc>
                <a:spcPct val="90000"/>
              </a:lnSpc>
              <a:spcBef>
                <a:spcPts val="600"/>
              </a:spcBef>
              <a:spcAft>
                <a:spcPts val="600"/>
              </a:spcAft>
              <a:buClr>
                <a:schemeClr val="accent1"/>
              </a:buClr>
              <a:buSzPts val="1800"/>
              <a:buChar char="−"/>
              <a:defRPr sz="1200">
                <a:solidFill>
                  <a:schemeClr val="dk1"/>
                </a:solidFill>
              </a:defRPr>
            </a:lvl9pPr>
          </a:lstStyle>
          <a:p>
            <a:pPr marL="285750" indent="-285750">
              <a:buFont typeface="Arial" panose="020B0604020202020204" pitchFamily="34" charset="0"/>
              <a:buChar char="•"/>
            </a:pPr>
            <a:r>
              <a:rPr lang="en-GB"/>
              <a:t>General-purpose (flexible) language, developed platforms e.g. YouTube, Google Search and iRobot machines</a:t>
            </a:r>
          </a:p>
          <a:p>
            <a:pPr marL="285750" indent="-285750">
              <a:buFont typeface="Arial" panose="020B0604020202020204" pitchFamily="34" charset="0"/>
              <a:buChar char="•"/>
            </a:pPr>
            <a:endParaRPr lang="en-GB"/>
          </a:p>
          <a:p>
            <a:pPr marL="285750" indent="-285750">
              <a:buFont typeface="Arial" panose="020B0604020202020204" pitchFamily="34" charset="0"/>
              <a:buChar char="•"/>
            </a:pPr>
            <a:r>
              <a:rPr lang="en-GB"/>
              <a:t>Easy to learn and use, ideal for beginners</a:t>
            </a:r>
          </a:p>
          <a:p>
            <a:pPr marL="285750" indent="-285750">
              <a:buFont typeface="Arial" panose="020B0604020202020204" pitchFamily="34" charset="0"/>
              <a:buChar char="•"/>
            </a:pPr>
            <a:endParaRPr lang="en-GB"/>
          </a:p>
          <a:p>
            <a:pPr marL="285750" indent="-285750">
              <a:buFont typeface="Arial" panose="020B0604020202020204" pitchFamily="34" charset="0"/>
              <a:buChar char="•"/>
            </a:pPr>
            <a:r>
              <a:rPr lang="en-GB"/>
              <a:t>Well-supported community with extensive libraries</a:t>
            </a:r>
          </a:p>
          <a:p>
            <a:pPr marL="285750" indent="-285750">
              <a:buFont typeface="Arial" panose="020B0604020202020204" pitchFamily="34" charset="0"/>
              <a:buChar char="•"/>
            </a:pPr>
            <a:endParaRPr lang="en-GB"/>
          </a:p>
          <a:p>
            <a:pPr marL="285750" indent="-285750">
              <a:buFont typeface="Arial" panose="020B0604020202020204" pitchFamily="34" charset="0"/>
              <a:buChar char="•"/>
            </a:pPr>
            <a:r>
              <a:rPr lang="en-GB"/>
              <a:t>Test as it goes, reduce time on creating and testing lengthy code</a:t>
            </a:r>
            <a:endParaRPr lang="en-AU"/>
          </a:p>
          <a:p>
            <a:pPr marL="0" indent="0"/>
            <a:endParaRPr lang="en-AU"/>
          </a:p>
          <a:p>
            <a:pPr marL="285750" indent="-285750">
              <a:buFont typeface="Arial" panose="020B0604020202020204" pitchFamily="34" charset="0"/>
              <a:buChar char="•"/>
            </a:pPr>
            <a:endParaRPr lang="en-AU"/>
          </a:p>
        </p:txBody>
      </p:sp>
    </p:spTree>
    <p:extLst>
      <p:ext uri="{BB962C8B-B14F-4D97-AF65-F5344CB8AC3E}">
        <p14:creationId xmlns:p14="http://schemas.microsoft.com/office/powerpoint/2010/main" val="242770146"/>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EED0FB8-0F63-46BA-A0E3-B072967450FB}"/>
              </a:ext>
            </a:extLst>
          </p:cNvPr>
          <p:cNvSpPr>
            <a:spLocks noGrp="1"/>
          </p:cNvSpPr>
          <p:nvPr>
            <p:ph type="title"/>
          </p:nvPr>
        </p:nvSpPr>
        <p:spPr/>
        <p:txBody>
          <a:bodyPr/>
          <a:lstStyle/>
          <a:p>
            <a:r>
              <a:rPr lang="en-GB"/>
              <a:t>Dynamo Practical Uses</a:t>
            </a:r>
            <a:endParaRPr lang="en-AU"/>
          </a:p>
        </p:txBody>
      </p:sp>
      <p:pic>
        <p:nvPicPr>
          <p:cNvPr id="1026" name="Picture 2">
            <a:extLst>
              <a:ext uri="{FF2B5EF4-FFF2-40B4-BE49-F238E27FC236}">
                <a16:creationId xmlns:a16="http://schemas.microsoft.com/office/drawing/2014/main" id="{174AAB05-42D9-423F-8B97-2E35CEF133C7}"/>
              </a:ext>
            </a:extLst>
          </p:cNvPr>
          <p:cNvPicPr>
            <a:picLocks noChangeAspect="1" noChangeArrowheads="1" noCrop="1"/>
          </p:cNvPicPr>
          <p:nvPr/>
        </p:nvPicPr>
        <p:blipFill>
          <a:blip r:embed="rId3">
            <a:extLst>
              <a:ext uri="{28A0092B-C50C-407E-A947-70E740481C1C}">
                <a14:useLocalDpi xmlns:a14="http://schemas.microsoft.com/office/drawing/2010/main" val="0"/>
              </a:ext>
            </a:extLst>
          </a:blip>
          <a:srcRect/>
          <a:stretch>
            <a:fillRect/>
          </a:stretch>
        </p:blipFill>
        <p:spPr bwMode="auto">
          <a:xfrm>
            <a:off x="879871" y="781051"/>
            <a:ext cx="5442109" cy="3847571"/>
          </a:xfrm>
          <a:prstGeom prst="rect">
            <a:avLst/>
          </a:prstGeom>
          <a:noFill/>
          <a:extLst>
            <a:ext uri="{909E8E84-426E-40DD-AFC4-6F175D3DCCD1}">
              <a14:hiddenFill xmlns:a14="http://schemas.microsoft.com/office/drawing/2010/main">
                <a:solidFill>
                  <a:srgbClr val="FFFFFF"/>
                </a:solidFill>
              </a14:hiddenFill>
            </a:ext>
          </a:extLst>
        </p:spPr>
      </p:pic>
      <p:pic>
        <p:nvPicPr>
          <p:cNvPr id="1027" name="Picture 3">
            <a:extLst>
              <a:ext uri="{FF2B5EF4-FFF2-40B4-BE49-F238E27FC236}">
                <a16:creationId xmlns:a16="http://schemas.microsoft.com/office/drawing/2014/main" id="{27DB97A7-6683-4317-988C-D80DC63CBFB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237366" y="2152386"/>
            <a:ext cx="1800225" cy="5524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13109599"/>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3B972B-0F71-40E0-B991-F3D5A92C4571}"/>
              </a:ext>
            </a:extLst>
          </p:cNvPr>
          <p:cNvSpPr>
            <a:spLocks noGrp="1"/>
          </p:cNvSpPr>
          <p:nvPr>
            <p:ph type="title"/>
          </p:nvPr>
        </p:nvSpPr>
        <p:spPr/>
        <p:txBody>
          <a:bodyPr/>
          <a:lstStyle/>
          <a:p>
            <a:r>
              <a:rPr lang="en-GB" dirty="0"/>
              <a:t>Python Practical Uses</a:t>
            </a:r>
            <a:endParaRPr lang="en-AU" dirty="0"/>
          </a:p>
        </p:txBody>
      </p:sp>
      <p:sp>
        <p:nvSpPr>
          <p:cNvPr id="3" name="Text Placeholder 2">
            <a:extLst>
              <a:ext uri="{FF2B5EF4-FFF2-40B4-BE49-F238E27FC236}">
                <a16:creationId xmlns:a16="http://schemas.microsoft.com/office/drawing/2014/main" id="{CBA24669-1281-4E40-A3E3-6AF90E7358B3}"/>
              </a:ext>
            </a:extLst>
          </p:cNvPr>
          <p:cNvSpPr>
            <a:spLocks noGrp="1"/>
          </p:cNvSpPr>
          <p:nvPr>
            <p:ph type="body" idx="1"/>
          </p:nvPr>
        </p:nvSpPr>
        <p:spPr/>
        <p:txBody>
          <a:bodyPr/>
          <a:lstStyle/>
          <a:p>
            <a:r>
              <a:rPr lang="en-GB" dirty="0"/>
              <a:t>Ground Movement from excavations</a:t>
            </a:r>
            <a:endParaRPr lang="en-AU" dirty="0"/>
          </a:p>
        </p:txBody>
      </p:sp>
      <p:pic>
        <p:nvPicPr>
          <p:cNvPr id="1026" name="Picture 6">
            <a:extLst>
              <a:ext uri="{FF2B5EF4-FFF2-40B4-BE49-F238E27FC236}">
                <a16:creationId xmlns:a16="http://schemas.microsoft.com/office/drawing/2014/main" id="{ED45834D-12BF-46F2-B902-9FA1CAE1633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6900" y="2741203"/>
            <a:ext cx="9107100" cy="162124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extBox 3">
            <a:extLst>
              <a:ext uri="{FF2B5EF4-FFF2-40B4-BE49-F238E27FC236}">
                <a16:creationId xmlns:a16="http://schemas.microsoft.com/office/drawing/2014/main" id="{8CDC126B-9A77-4139-BC9E-34A178504714}"/>
              </a:ext>
            </a:extLst>
          </p:cNvPr>
          <p:cNvSpPr txBox="1"/>
          <p:nvPr/>
        </p:nvSpPr>
        <p:spPr>
          <a:xfrm>
            <a:off x="468350" y="1144859"/>
            <a:ext cx="7822665" cy="1169551"/>
          </a:xfrm>
          <a:prstGeom prst="rect">
            <a:avLst/>
          </a:prstGeom>
          <a:noFill/>
        </p:spPr>
        <p:txBody>
          <a:bodyPr wrap="square" rtlCol="0">
            <a:spAutoFit/>
          </a:bodyPr>
          <a:lstStyle/>
          <a:p>
            <a:pPr marL="285750" indent="-285750">
              <a:buFont typeface="Arial" panose="020B0604020202020204" pitchFamily="34" charset="0"/>
              <a:buChar char="•"/>
            </a:pPr>
            <a:r>
              <a:rPr lang="en-GB" dirty="0"/>
              <a:t>Tool to predict ground movement due to excavation</a:t>
            </a:r>
          </a:p>
          <a:p>
            <a:pPr marL="285750" indent="-285750">
              <a:buFont typeface="Arial" panose="020B0604020202020204" pitchFamily="34" charset="0"/>
              <a:buChar char="•"/>
            </a:pPr>
            <a:r>
              <a:rPr lang="en-GB" dirty="0"/>
              <a:t>Large amount of data needed to be processed in multiple formats</a:t>
            </a:r>
          </a:p>
          <a:p>
            <a:pPr marL="285750" indent="-285750">
              <a:buFont typeface="Arial" panose="020B0604020202020204" pitchFamily="34" charset="0"/>
              <a:buChar char="•"/>
            </a:pPr>
            <a:r>
              <a:rPr lang="en-GB" dirty="0"/>
              <a:t>Using Python saved countless hours of manual work</a:t>
            </a:r>
          </a:p>
          <a:p>
            <a:pPr marL="285750" indent="-285750">
              <a:buFont typeface="Arial" panose="020B0604020202020204" pitchFamily="34" charset="0"/>
              <a:buChar char="•"/>
            </a:pPr>
            <a:r>
              <a:rPr lang="en-GB" dirty="0"/>
              <a:t>Analysis was optimised to compute 1000x faster by making smart use of the information.</a:t>
            </a:r>
          </a:p>
          <a:p>
            <a:pPr marL="285750" indent="-285750">
              <a:buFont typeface="Arial" panose="020B0604020202020204" pitchFamily="34" charset="0"/>
              <a:buChar char="•"/>
            </a:pPr>
            <a:endParaRPr lang="en-AU" dirty="0"/>
          </a:p>
        </p:txBody>
      </p:sp>
      <p:pic>
        <p:nvPicPr>
          <p:cNvPr id="6" name="Picture 4">
            <a:extLst>
              <a:ext uri="{FF2B5EF4-FFF2-40B4-BE49-F238E27FC236}">
                <a16:creationId xmlns:a16="http://schemas.microsoft.com/office/drawing/2014/main" id="{7183FC6F-B7E3-456D-A8E3-8E5F18CA53C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339978" y="395961"/>
            <a:ext cx="1600200" cy="5524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75484831"/>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008AD9-47DA-4459-A674-6B032FD85013}"/>
              </a:ext>
            </a:extLst>
          </p:cNvPr>
          <p:cNvSpPr>
            <a:spLocks noGrp="1"/>
          </p:cNvSpPr>
          <p:nvPr>
            <p:ph type="title"/>
          </p:nvPr>
        </p:nvSpPr>
        <p:spPr/>
        <p:txBody>
          <a:bodyPr/>
          <a:lstStyle/>
          <a:p>
            <a:r>
              <a:rPr lang="en-GB"/>
              <a:t>Python Practical Uses</a:t>
            </a:r>
            <a:endParaRPr lang="en-AU"/>
          </a:p>
        </p:txBody>
      </p:sp>
      <p:sp>
        <p:nvSpPr>
          <p:cNvPr id="3" name="Text Placeholder 2">
            <a:extLst>
              <a:ext uri="{FF2B5EF4-FFF2-40B4-BE49-F238E27FC236}">
                <a16:creationId xmlns:a16="http://schemas.microsoft.com/office/drawing/2014/main" id="{1495D3DC-49C4-4041-9AF4-3219455778D1}"/>
              </a:ext>
            </a:extLst>
          </p:cNvPr>
          <p:cNvSpPr>
            <a:spLocks noGrp="1"/>
          </p:cNvSpPr>
          <p:nvPr>
            <p:ph type="body" idx="1"/>
          </p:nvPr>
        </p:nvSpPr>
        <p:spPr>
          <a:xfrm>
            <a:off x="395289" y="781051"/>
            <a:ext cx="3891486" cy="510854"/>
          </a:xfrm>
        </p:spPr>
        <p:txBody>
          <a:bodyPr/>
          <a:lstStyle/>
          <a:p>
            <a:r>
              <a:rPr lang="en-AU" sz="2200" b="1">
                <a:solidFill>
                  <a:schemeClr val="accent3">
                    <a:lumMod val="75000"/>
                  </a:schemeClr>
                </a:solidFill>
              </a:rPr>
              <a:t>Computer Vision</a:t>
            </a:r>
          </a:p>
        </p:txBody>
      </p:sp>
      <p:pic>
        <p:nvPicPr>
          <p:cNvPr id="8" name="Picture 7">
            <a:extLst>
              <a:ext uri="{FF2B5EF4-FFF2-40B4-BE49-F238E27FC236}">
                <a16:creationId xmlns:a16="http://schemas.microsoft.com/office/drawing/2014/main" id="{332FED6A-9528-4BCC-AB0A-76F6A131372B}"/>
              </a:ext>
            </a:extLst>
          </p:cNvPr>
          <p:cNvPicPr>
            <a:picLocks noChangeAspect="1"/>
          </p:cNvPicPr>
          <p:nvPr/>
        </p:nvPicPr>
        <p:blipFill rotWithShape="1">
          <a:blip r:embed="rId3"/>
          <a:srcRect l="9331" t="31447" r="30931" b="6247"/>
          <a:stretch/>
        </p:blipFill>
        <p:spPr>
          <a:xfrm>
            <a:off x="61208" y="1208015"/>
            <a:ext cx="4225566" cy="3263317"/>
          </a:xfrm>
          <a:prstGeom prst="rect">
            <a:avLst/>
          </a:prstGeom>
        </p:spPr>
      </p:pic>
      <p:sp>
        <p:nvSpPr>
          <p:cNvPr id="9" name="Text Placeholder 2">
            <a:extLst>
              <a:ext uri="{FF2B5EF4-FFF2-40B4-BE49-F238E27FC236}">
                <a16:creationId xmlns:a16="http://schemas.microsoft.com/office/drawing/2014/main" id="{12B8BA38-AADA-4BF9-B765-96A3810F53C9}"/>
              </a:ext>
            </a:extLst>
          </p:cNvPr>
          <p:cNvSpPr txBox="1">
            <a:spLocks/>
          </p:cNvSpPr>
          <p:nvPr/>
        </p:nvSpPr>
        <p:spPr>
          <a:xfrm>
            <a:off x="4725406" y="781051"/>
            <a:ext cx="3891486" cy="510854"/>
          </a:xfrm>
          <a:prstGeom prst="rect">
            <a:avLst/>
          </a:prstGeom>
          <a:noFill/>
          <a:ln>
            <a:noFill/>
          </a:ln>
        </p:spPr>
        <p:txBody>
          <a:bodyPr spcFirstLastPara="1" wrap="square" lIns="0" tIns="0" rIns="0" bIns="0" anchor="t" anchorCtr="0"/>
          <a:lstStyle>
            <a:defPPr marR="0" lvl="0" algn="l" rtl="0">
              <a:lnSpc>
                <a:spcPct val="100000"/>
              </a:lnSpc>
              <a:spcBef>
                <a:spcPts val="0"/>
              </a:spcBef>
              <a:spcAft>
                <a:spcPts val="0"/>
              </a:spcAft>
            </a:defPPr>
            <a:lvl1pPr marL="457200" marR="0" lvl="0" indent="-228600" algn="l" rtl="0">
              <a:lnSpc>
                <a:spcPct val="100000"/>
              </a:lnSpc>
              <a:spcBef>
                <a:spcPts val="0"/>
              </a:spcBef>
              <a:spcAft>
                <a:spcPts val="0"/>
              </a:spcAft>
              <a:buClr>
                <a:schemeClr val="accent1"/>
              </a:buClr>
              <a:buSzPts val="1600"/>
              <a:buFont typeface="Arial"/>
              <a:buNone/>
              <a:defRPr sz="1600" b="0" i="0" u="none" strike="noStrike" cap="none">
                <a:solidFill>
                  <a:schemeClr val="dk2"/>
                </a:solidFill>
                <a:latin typeface="Arial"/>
                <a:ea typeface="Arial"/>
                <a:cs typeface="Arial"/>
                <a:sym typeface="Arial"/>
              </a:defRPr>
            </a:lvl1pPr>
            <a:lvl2pPr marL="914400" marR="0" lvl="1" indent="-228600" algn="l" rtl="0">
              <a:lnSpc>
                <a:spcPct val="100000"/>
              </a:lnSpc>
              <a:spcBef>
                <a:spcPts val="1200"/>
              </a:spcBef>
              <a:spcAft>
                <a:spcPts val="0"/>
              </a:spcAft>
              <a:buClr>
                <a:schemeClr val="accent1"/>
              </a:buClr>
              <a:buSzPts val="1600"/>
              <a:buFont typeface="Arial"/>
              <a:buNone/>
              <a:defRPr sz="1600" b="0" i="0" u="none" strike="noStrike" cap="none">
                <a:solidFill>
                  <a:schemeClr val="accent1"/>
                </a:solidFill>
                <a:latin typeface="Arial"/>
                <a:ea typeface="Arial"/>
                <a:cs typeface="Arial"/>
                <a:sym typeface="Arial"/>
              </a:defRPr>
            </a:lvl2pPr>
            <a:lvl3pPr marL="1371600" marR="0" lvl="2" indent="-228600" algn="l" rtl="0">
              <a:lnSpc>
                <a:spcPct val="100000"/>
              </a:lnSpc>
              <a:spcBef>
                <a:spcPts val="600"/>
              </a:spcBef>
              <a:spcAft>
                <a:spcPts val="0"/>
              </a:spcAft>
              <a:buClr>
                <a:schemeClr val="accent2"/>
              </a:buClr>
              <a:buSzPts val="1600"/>
              <a:buFont typeface="Arial"/>
              <a:buNone/>
              <a:defRPr sz="1600" b="0" i="0" u="none" strike="noStrike" cap="none">
                <a:solidFill>
                  <a:schemeClr val="accent1"/>
                </a:solidFill>
                <a:latin typeface="Arial"/>
                <a:ea typeface="Arial"/>
                <a:cs typeface="Arial"/>
                <a:sym typeface="Arial"/>
              </a:defRPr>
            </a:lvl3pPr>
            <a:lvl4pPr marL="1828800" marR="0" lvl="3" indent="-228600" algn="l" rtl="0">
              <a:lnSpc>
                <a:spcPct val="100000"/>
              </a:lnSpc>
              <a:spcBef>
                <a:spcPts val="600"/>
              </a:spcBef>
              <a:spcAft>
                <a:spcPts val="0"/>
              </a:spcAft>
              <a:buClr>
                <a:schemeClr val="accent2"/>
              </a:buClr>
              <a:buSzPts val="1600"/>
              <a:buFont typeface="Arial"/>
              <a:buNone/>
              <a:defRPr sz="1600" b="0" i="0" u="none" strike="noStrike" cap="none">
                <a:solidFill>
                  <a:schemeClr val="accent1"/>
                </a:solidFill>
                <a:latin typeface="Arial"/>
                <a:ea typeface="Arial"/>
                <a:cs typeface="Arial"/>
                <a:sym typeface="Arial"/>
              </a:defRPr>
            </a:lvl4pPr>
            <a:lvl5pPr marL="2286000" marR="0" lvl="4" indent="-228600" algn="l" rtl="0">
              <a:lnSpc>
                <a:spcPct val="100000"/>
              </a:lnSpc>
              <a:spcBef>
                <a:spcPts val="600"/>
              </a:spcBef>
              <a:spcAft>
                <a:spcPts val="0"/>
              </a:spcAft>
              <a:buClr>
                <a:schemeClr val="accent2"/>
              </a:buClr>
              <a:buSzPts val="1600"/>
              <a:buFont typeface="Arial"/>
              <a:buNone/>
              <a:defRPr sz="1600" b="0" i="0" u="none" strike="noStrike" cap="none">
                <a:solidFill>
                  <a:schemeClr val="accent1"/>
                </a:solidFill>
                <a:latin typeface="Arial"/>
                <a:ea typeface="Arial"/>
                <a:cs typeface="Arial"/>
                <a:sym typeface="Arial"/>
              </a:defRPr>
            </a:lvl5pPr>
            <a:lvl6pPr marL="2743200" marR="0" lvl="5" indent="-342900" algn="l" rtl="0">
              <a:lnSpc>
                <a:spcPct val="90000"/>
              </a:lnSpc>
              <a:spcBef>
                <a:spcPts val="600"/>
              </a:spcBef>
              <a:spcAft>
                <a:spcPts val="0"/>
              </a:spcAft>
              <a:buClr>
                <a:schemeClr val="accent1"/>
              </a:buClr>
              <a:buSzPts val="1800"/>
              <a:buFont typeface="Arial"/>
              <a:buChar char="−"/>
              <a:defRPr sz="1200" b="0" i="0" u="none" strike="noStrike" cap="none">
                <a:solidFill>
                  <a:schemeClr val="dk1"/>
                </a:solidFill>
                <a:latin typeface="Arial"/>
                <a:ea typeface="Arial"/>
                <a:cs typeface="Arial"/>
                <a:sym typeface="Arial"/>
              </a:defRPr>
            </a:lvl6pPr>
            <a:lvl7pPr marL="3200400" marR="0" lvl="6" indent="-342900" algn="l" rtl="0">
              <a:lnSpc>
                <a:spcPct val="90000"/>
              </a:lnSpc>
              <a:spcBef>
                <a:spcPts val="600"/>
              </a:spcBef>
              <a:spcAft>
                <a:spcPts val="0"/>
              </a:spcAft>
              <a:buClr>
                <a:schemeClr val="accent1"/>
              </a:buClr>
              <a:buSzPts val="1800"/>
              <a:buFont typeface="Arial"/>
              <a:buChar char="−"/>
              <a:defRPr sz="1200" b="0" i="0" u="none" strike="noStrike" cap="none">
                <a:solidFill>
                  <a:schemeClr val="dk1"/>
                </a:solidFill>
                <a:latin typeface="Arial"/>
                <a:ea typeface="Arial"/>
                <a:cs typeface="Arial"/>
                <a:sym typeface="Arial"/>
              </a:defRPr>
            </a:lvl7pPr>
            <a:lvl8pPr marL="3657600" marR="0" lvl="7" indent="-342900" algn="l" rtl="0">
              <a:lnSpc>
                <a:spcPct val="90000"/>
              </a:lnSpc>
              <a:spcBef>
                <a:spcPts val="600"/>
              </a:spcBef>
              <a:spcAft>
                <a:spcPts val="0"/>
              </a:spcAft>
              <a:buClr>
                <a:schemeClr val="accent1"/>
              </a:buClr>
              <a:buSzPts val="1800"/>
              <a:buFont typeface="Arial"/>
              <a:buChar char="−"/>
              <a:defRPr sz="1200" b="0" i="0" u="none" strike="noStrike" cap="none">
                <a:solidFill>
                  <a:schemeClr val="dk1"/>
                </a:solidFill>
                <a:latin typeface="Arial"/>
                <a:ea typeface="Arial"/>
                <a:cs typeface="Arial"/>
                <a:sym typeface="Arial"/>
              </a:defRPr>
            </a:lvl8pPr>
            <a:lvl9pPr marL="4114800" marR="0" lvl="8" indent="-342900" algn="l" rtl="0">
              <a:lnSpc>
                <a:spcPct val="90000"/>
              </a:lnSpc>
              <a:spcBef>
                <a:spcPts val="600"/>
              </a:spcBef>
              <a:spcAft>
                <a:spcPts val="600"/>
              </a:spcAft>
              <a:buClr>
                <a:schemeClr val="accent1"/>
              </a:buClr>
              <a:buSzPts val="1800"/>
              <a:buFont typeface="Arial"/>
              <a:buChar char="−"/>
              <a:defRPr sz="1200" b="0" i="0" u="none" strike="noStrike" cap="none">
                <a:solidFill>
                  <a:schemeClr val="dk1"/>
                </a:solidFill>
                <a:latin typeface="Arial"/>
                <a:ea typeface="Arial"/>
                <a:cs typeface="Arial"/>
                <a:sym typeface="Arial"/>
              </a:defRPr>
            </a:lvl9pPr>
          </a:lstStyle>
          <a:p>
            <a:r>
              <a:rPr lang="en-AU" sz="2200" b="1">
                <a:solidFill>
                  <a:schemeClr val="accent3">
                    <a:lumMod val="75000"/>
                  </a:schemeClr>
                </a:solidFill>
              </a:rPr>
              <a:t>Data Processing</a:t>
            </a:r>
          </a:p>
        </p:txBody>
      </p:sp>
      <p:pic>
        <p:nvPicPr>
          <p:cNvPr id="14" name="Picture 13">
            <a:extLst>
              <a:ext uri="{FF2B5EF4-FFF2-40B4-BE49-F238E27FC236}">
                <a16:creationId xmlns:a16="http://schemas.microsoft.com/office/drawing/2014/main" id="{5F43AD1E-892D-4AE5-AE53-DFD4192C02E2}"/>
              </a:ext>
            </a:extLst>
          </p:cNvPr>
          <p:cNvPicPr>
            <a:picLocks noChangeAspect="1"/>
          </p:cNvPicPr>
          <p:nvPr/>
        </p:nvPicPr>
        <p:blipFill>
          <a:blip r:embed="rId4"/>
          <a:stretch>
            <a:fillRect/>
          </a:stretch>
        </p:blipFill>
        <p:spPr>
          <a:xfrm>
            <a:off x="4713134" y="1157680"/>
            <a:ext cx="4167605" cy="3935485"/>
          </a:xfrm>
          <a:prstGeom prst="rect">
            <a:avLst/>
          </a:prstGeom>
        </p:spPr>
      </p:pic>
      <p:pic>
        <p:nvPicPr>
          <p:cNvPr id="7" name="Picture 4">
            <a:extLst>
              <a:ext uri="{FF2B5EF4-FFF2-40B4-BE49-F238E27FC236}">
                <a16:creationId xmlns:a16="http://schemas.microsoft.com/office/drawing/2014/main" id="{C8BDD4F9-D69E-4753-84E6-DD08895D4181}"/>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280539" y="286143"/>
            <a:ext cx="1600200" cy="5524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67619442"/>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008AD9-47DA-4459-A674-6B032FD85013}"/>
              </a:ext>
            </a:extLst>
          </p:cNvPr>
          <p:cNvSpPr>
            <a:spLocks noGrp="1"/>
          </p:cNvSpPr>
          <p:nvPr>
            <p:ph type="title"/>
          </p:nvPr>
        </p:nvSpPr>
        <p:spPr/>
        <p:txBody>
          <a:bodyPr/>
          <a:lstStyle/>
          <a:p>
            <a:r>
              <a:rPr lang="en-GB"/>
              <a:t>Python Practical Uses</a:t>
            </a:r>
            <a:endParaRPr lang="en-AU"/>
          </a:p>
        </p:txBody>
      </p:sp>
      <p:pic>
        <p:nvPicPr>
          <p:cNvPr id="2050" name="Picture 2" descr="Crash Microsoft Word 2016 by copying &amp;amp; pasting a web image - Myce.com">
            <a:extLst>
              <a:ext uri="{FF2B5EF4-FFF2-40B4-BE49-F238E27FC236}">
                <a16:creationId xmlns:a16="http://schemas.microsoft.com/office/drawing/2014/main" id="{98E6E387-982B-444A-9EC2-5FE8B2939B69}"/>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5735" t="2039" r="19649" b="3283"/>
          <a:stretch/>
        </p:blipFill>
        <p:spPr bwMode="auto">
          <a:xfrm>
            <a:off x="395289" y="1111979"/>
            <a:ext cx="2918362" cy="2151171"/>
          </a:xfrm>
          <a:prstGeom prst="rect">
            <a:avLst/>
          </a:prstGeom>
          <a:noFill/>
          <a:extLst>
            <a:ext uri="{909E8E84-426E-40DD-AFC4-6F175D3DCCD1}">
              <a14:hiddenFill xmlns:a14="http://schemas.microsoft.com/office/drawing/2010/main">
                <a:solidFill>
                  <a:srgbClr val="FFFFFF"/>
                </a:solidFill>
              </a14:hiddenFill>
            </a:ext>
          </a:extLst>
        </p:spPr>
      </p:pic>
      <p:sp>
        <p:nvSpPr>
          <p:cNvPr id="16" name="Text Placeholder 2">
            <a:extLst>
              <a:ext uri="{FF2B5EF4-FFF2-40B4-BE49-F238E27FC236}">
                <a16:creationId xmlns:a16="http://schemas.microsoft.com/office/drawing/2014/main" id="{4FC1ED61-43A3-4361-9E16-E0EDDEE876D6}"/>
              </a:ext>
            </a:extLst>
          </p:cNvPr>
          <p:cNvSpPr>
            <a:spLocks noGrp="1"/>
          </p:cNvSpPr>
          <p:nvPr>
            <p:ph type="body" idx="1"/>
          </p:nvPr>
        </p:nvSpPr>
        <p:spPr>
          <a:xfrm>
            <a:off x="395289" y="781051"/>
            <a:ext cx="3891486" cy="510854"/>
          </a:xfrm>
        </p:spPr>
        <p:txBody>
          <a:bodyPr/>
          <a:lstStyle/>
          <a:p>
            <a:r>
              <a:rPr lang="en-AU" sz="2200" b="1" dirty="0">
                <a:solidFill>
                  <a:schemeClr val="accent3">
                    <a:lumMod val="75000"/>
                  </a:schemeClr>
                </a:solidFill>
              </a:rPr>
              <a:t>Natural Language</a:t>
            </a:r>
          </a:p>
        </p:txBody>
      </p:sp>
      <p:pic>
        <p:nvPicPr>
          <p:cNvPr id="2052" name="Picture 4" descr="Windows 10 wants to help you understand why your PC crashed | TechRadar">
            <a:extLst>
              <a:ext uri="{FF2B5EF4-FFF2-40B4-BE49-F238E27FC236}">
                <a16:creationId xmlns:a16="http://schemas.microsoft.com/office/drawing/2014/main" id="{A2B043BE-3F9F-426C-AB72-AED203EA8F78}"/>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15920" y="3054833"/>
            <a:ext cx="3474382" cy="1953375"/>
          </a:xfrm>
          <a:prstGeom prst="rect">
            <a:avLst/>
          </a:prstGeom>
          <a:noFill/>
          <a:extLst>
            <a:ext uri="{909E8E84-426E-40DD-AFC4-6F175D3DCCD1}">
              <a14:hiddenFill xmlns:a14="http://schemas.microsoft.com/office/drawing/2010/main">
                <a:solidFill>
                  <a:srgbClr val="FFFFFF"/>
                </a:solidFill>
              </a14:hiddenFill>
            </a:ext>
          </a:extLst>
        </p:spPr>
      </p:pic>
      <p:sp>
        <p:nvSpPr>
          <p:cNvPr id="18" name="Text Placeholder 2">
            <a:extLst>
              <a:ext uri="{FF2B5EF4-FFF2-40B4-BE49-F238E27FC236}">
                <a16:creationId xmlns:a16="http://schemas.microsoft.com/office/drawing/2014/main" id="{954D2C51-4A2F-4CCC-A758-CABDF810A2C0}"/>
              </a:ext>
            </a:extLst>
          </p:cNvPr>
          <p:cNvSpPr txBox="1">
            <a:spLocks/>
          </p:cNvSpPr>
          <p:nvPr/>
        </p:nvSpPr>
        <p:spPr>
          <a:xfrm>
            <a:off x="4725406" y="781051"/>
            <a:ext cx="3891486" cy="510854"/>
          </a:xfrm>
          <a:prstGeom prst="rect">
            <a:avLst/>
          </a:prstGeom>
          <a:noFill/>
          <a:ln>
            <a:noFill/>
          </a:ln>
        </p:spPr>
        <p:txBody>
          <a:bodyPr spcFirstLastPara="1" wrap="square" lIns="0" tIns="0" rIns="0" bIns="0" anchor="t" anchorCtr="0"/>
          <a:lstStyle>
            <a:defPPr marR="0" lvl="0" algn="l" rtl="0">
              <a:lnSpc>
                <a:spcPct val="100000"/>
              </a:lnSpc>
              <a:spcBef>
                <a:spcPts val="0"/>
              </a:spcBef>
              <a:spcAft>
                <a:spcPts val="0"/>
              </a:spcAft>
            </a:defPPr>
            <a:lvl1pPr marL="457200" marR="0" lvl="0" indent="-228600" algn="l" rtl="0">
              <a:lnSpc>
                <a:spcPct val="100000"/>
              </a:lnSpc>
              <a:spcBef>
                <a:spcPts val="0"/>
              </a:spcBef>
              <a:spcAft>
                <a:spcPts val="0"/>
              </a:spcAft>
              <a:buClr>
                <a:schemeClr val="accent1"/>
              </a:buClr>
              <a:buSzPts val="1600"/>
              <a:buFont typeface="Arial"/>
              <a:buNone/>
              <a:defRPr sz="1600" b="0" i="0" u="none" strike="noStrike" cap="none">
                <a:solidFill>
                  <a:schemeClr val="dk2"/>
                </a:solidFill>
                <a:latin typeface="Arial"/>
                <a:ea typeface="Arial"/>
                <a:cs typeface="Arial"/>
                <a:sym typeface="Arial"/>
              </a:defRPr>
            </a:lvl1pPr>
            <a:lvl2pPr marL="914400" marR="0" lvl="1" indent="-228600" algn="l" rtl="0">
              <a:lnSpc>
                <a:spcPct val="100000"/>
              </a:lnSpc>
              <a:spcBef>
                <a:spcPts val="1200"/>
              </a:spcBef>
              <a:spcAft>
                <a:spcPts val="0"/>
              </a:spcAft>
              <a:buClr>
                <a:schemeClr val="accent1"/>
              </a:buClr>
              <a:buSzPts val="1600"/>
              <a:buFont typeface="Arial"/>
              <a:buNone/>
              <a:defRPr sz="1600" b="0" i="0" u="none" strike="noStrike" cap="none">
                <a:solidFill>
                  <a:schemeClr val="accent1"/>
                </a:solidFill>
                <a:latin typeface="Arial"/>
                <a:ea typeface="Arial"/>
                <a:cs typeface="Arial"/>
                <a:sym typeface="Arial"/>
              </a:defRPr>
            </a:lvl2pPr>
            <a:lvl3pPr marL="1371600" marR="0" lvl="2" indent="-228600" algn="l" rtl="0">
              <a:lnSpc>
                <a:spcPct val="100000"/>
              </a:lnSpc>
              <a:spcBef>
                <a:spcPts val="600"/>
              </a:spcBef>
              <a:spcAft>
                <a:spcPts val="0"/>
              </a:spcAft>
              <a:buClr>
                <a:schemeClr val="accent2"/>
              </a:buClr>
              <a:buSzPts val="1600"/>
              <a:buFont typeface="Arial"/>
              <a:buNone/>
              <a:defRPr sz="1600" b="0" i="0" u="none" strike="noStrike" cap="none">
                <a:solidFill>
                  <a:schemeClr val="accent1"/>
                </a:solidFill>
                <a:latin typeface="Arial"/>
                <a:ea typeface="Arial"/>
                <a:cs typeface="Arial"/>
                <a:sym typeface="Arial"/>
              </a:defRPr>
            </a:lvl3pPr>
            <a:lvl4pPr marL="1828800" marR="0" lvl="3" indent="-228600" algn="l" rtl="0">
              <a:lnSpc>
                <a:spcPct val="100000"/>
              </a:lnSpc>
              <a:spcBef>
                <a:spcPts val="600"/>
              </a:spcBef>
              <a:spcAft>
                <a:spcPts val="0"/>
              </a:spcAft>
              <a:buClr>
                <a:schemeClr val="accent2"/>
              </a:buClr>
              <a:buSzPts val="1600"/>
              <a:buFont typeface="Arial"/>
              <a:buNone/>
              <a:defRPr sz="1600" b="0" i="0" u="none" strike="noStrike" cap="none">
                <a:solidFill>
                  <a:schemeClr val="accent1"/>
                </a:solidFill>
                <a:latin typeface="Arial"/>
                <a:ea typeface="Arial"/>
                <a:cs typeface="Arial"/>
                <a:sym typeface="Arial"/>
              </a:defRPr>
            </a:lvl4pPr>
            <a:lvl5pPr marL="2286000" marR="0" lvl="4" indent="-228600" algn="l" rtl="0">
              <a:lnSpc>
                <a:spcPct val="100000"/>
              </a:lnSpc>
              <a:spcBef>
                <a:spcPts val="600"/>
              </a:spcBef>
              <a:spcAft>
                <a:spcPts val="0"/>
              </a:spcAft>
              <a:buClr>
                <a:schemeClr val="accent2"/>
              </a:buClr>
              <a:buSzPts val="1600"/>
              <a:buFont typeface="Arial"/>
              <a:buNone/>
              <a:defRPr sz="1600" b="0" i="0" u="none" strike="noStrike" cap="none">
                <a:solidFill>
                  <a:schemeClr val="accent1"/>
                </a:solidFill>
                <a:latin typeface="Arial"/>
                <a:ea typeface="Arial"/>
                <a:cs typeface="Arial"/>
                <a:sym typeface="Arial"/>
              </a:defRPr>
            </a:lvl5pPr>
            <a:lvl6pPr marL="2743200" marR="0" lvl="5" indent="-342900" algn="l" rtl="0">
              <a:lnSpc>
                <a:spcPct val="90000"/>
              </a:lnSpc>
              <a:spcBef>
                <a:spcPts val="600"/>
              </a:spcBef>
              <a:spcAft>
                <a:spcPts val="0"/>
              </a:spcAft>
              <a:buClr>
                <a:schemeClr val="accent1"/>
              </a:buClr>
              <a:buSzPts val="1800"/>
              <a:buFont typeface="Arial"/>
              <a:buChar char="−"/>
              <a:defRPr sz="1200" b="0" i="0" u="none" strike="noStrike" cap="none">
                <a:solidFill>
                  <a:schemeClr val="dk1"/>
                </a:solidFill>
                <a:latin typeface="Arial"/>
                <a:ea typeface="Arial"/>
                <a:cs typeface="Arial"/>
                <a:sym typeface="Arial"/>
              </a:defRPr>
            </a:lvl6pPr>
            <a:lvl7pPr marL="3200400" marR="0" lvl="6" indent="-342900" algn="l" rtl="0">
              <a:lnSpc>
                <a:spcPct val="90000"/>
              </a:lnSpc>
              <a:spcBef>
                <a:spcPts val="600"/>
              </a:spcBef>
              <a:spcAft>
                <a:spcPts val="0"/>
              </a:spcAft>
              <a:buClr>
                <a:schemeClr val="accent1"/>
              </a:buClr>
              <a:buSzPts val="1800"/>
              <a:buFont typeface="Arial"/>
              <a:buChar char="−"/>
              <a:defRPr sz="1200" b="0" i="0" u="none" strike="noStrike" cap="none">
                <a:solidFill>
                  <a:schemeClr val="dk1"/>
                </a:solidFill>
                <a:latin typeface="Arial"/>
                <a:ea typeface="Arial"/>
                <a:cs typeface="Arial"/>
                <a:sym typeface="Arial"/>
              </a:defRPr>
            </a:lvl7pPr>
            <a:lvl8pPr marL="3657600" marR="0" lvl="7" indent="-342900" algn="l" rtl="0">
              <a:lnSpc>
                <a:spcPct val="90000"/>
              </a:lnSpc>
              <a:spcBef>
                <a:spcPts val="600"/>
              </a:spcBef>
              <a:spcAft>
                <a:spcPts val="0"/>
              </a:spcAft>
              <a:buClr>
                <a:schemeClr val="accent1"/>
              </a:buClr>
              <a:buSzPts val="1800"/>
              <a:buFont typeface="Arial"/>
              <a:buChar char="−"/>
              <a:defRPr sz="1200" b="0" i="0" u="none" strike="noStrike" cap="none">
                <a:solidFill>
                  <a:schemeClr val="dk1"/>
                </a:solidFill>
                <a:latin typeface="Arial"/>
                <a:ea typeface="Arial"/>
                <a:cs typeface="Arial"/>
                <a:sym typeface="Arial"/>
              </a:defRPr>
            </a:lvl8pPr>
            <a:lvl9pPr marL="4114800" marR="0" lvl="8" indent="-342900" algn="l" rtl="0">
              <a:lnSpc>
                <a:spcPct val="90000"/>
              </a:lnSpc>
              <a:spcBef>
                <a:spcPts val="600"/>
              </a:spcBef>
              <a:spcAft>
                <a:spcPts val="600"/>
              </a:spcAft>
              <a:buClr>
                <a:schemeClr val="accent1"/>
              </a:buClr>
              <a:buSzPts val="1800"/>
              <a:buFont typeface="Arial"/>
              <a:buChar char="−"/>
              <a:defRPr sz="1200" b="0" i="0" u="none" strike="noStrike" cap="none">
                <a:solidFill>
                  <a:schemeClr val="dk1"/>
                </a:solidFill>
                <a:latin typeface="Arial"/>
                <a:ea typeface="Arial"/>
                <a:cs typeface="Arial"/>
                <a:sym typeface="Arial"/>
              </a:defRPr>
            </a:lvl9pPr>
          </a:lstStyle>
          <a:p>
            <a:r>
              <a:rPr lang="en-AU" sz="2200" b="1" dirty="0">
                <a:solidFill>
                  <a:schemeClr val="accent3">
                    <a:lumMod val="75000"/>
                  </a:schemeClr>
                </a:solidFill>
              </a:rPr>
              <a:t>Internet Scraping</a:t>
            </a:r>
          </a:p>
        </p:txBody>
      </p:sp>
      <p:pic>
        <p:nvPicPr>
          <p:cNvPr id="2056" name="Picture 8" descr="ArcGIS Online">
            <a:extLst>
              <a:ext uri="{FF2B5EF4-FFF2-40B4-BE49-F238E27FC236}">
                <a16:creationId xmlns:a16="http://schemas.microsoft.com/office/drawing/2014/main" id="{F6D12180-2EFB-4893-B852-A6743B9390C9}"/>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433377" y="1320147"/>
            <a:ext cx="4475544" cy="2962362"/>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4">
            <a:extLst>
              <a:ext uri="{FF2B5EF4-FFF2-40B4-BE49-F238E27FC236}">
                <a16:creationId xmlns:a16="http://schemas.microsoft.com/office/drawing/2014/main" id="{5AC8CA6A-2AFA-4816-8B08-4ECD069F29D6}"/>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308721" y="269875"/>
            <a:ext cx="1600200" cy="5524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39229855"/>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98A384-8D78-4C13-92A5-FFEE67955332}"/>
              </a:ext>
            </a:extLst>
          </p:cNvPr>
          <p:cNvSpPr>
            <a:spLocks noGrp="1"/>
          </p:cNvSpPr>
          <p:nvPr>
            <p:ph type="title"/>
          </p:nvPr>
        </p:nvSpPr>
        <p:spPr/>
        <p:txBody>
          <a:bodyPr/>
          <a:lstStyle/>
          <a:p>
            <a:r>
              <a:rPr lang="en-GB"/>
              <a:t>Other Practical Uses</a:t>
            </a:r>
            <a:endParaRPr lang="en-AU"/>
          </a:p>
        </p:txBody>
      </p:sp>
      <p:sp>
        <p:nvSpPr>
          <p:cNvPr id="3" name="Text Placeholder 2">
            <a:extLst>
              <a:ext uri="{FF2B5EF4-FFF2-40B4-BE49-F238E27FC236}">
                <a16:creationId xmlns:a16="http://schemas.microsoft.com/office/drawing/2014/main" id="{A5BD06F7-1280-4479-B8EF-76A14BBA63D0}"/>
              </a:ext>
            </a:extLst>
          </p:cNvPr>
          <p:cNvSpPr>
            <a:spLocks noGrp="1"/>
          </p:cNvSpPr>
          <p:nvPr>
            <p:ph type="body" idx="1"/>
          </p:nvPr>
        </p:nvSpPr>
        <p:spPr/>
        <p:txBody>
          <a:bodyPr/>
          <a:lstStyle/>
          <a:p>
            <a:r>
              <a:rPr lang="en-GB"/>
              <a:t>Grasshopper</a:t>
            </a:r>
            <a:endParaRPr lang="en-AU"/>
          </a:p>
        </p:txBody>
      </p:sp>
      <p:pic>
        <p:nvPicPr>
          <p:cNvPr id="1026" name="Picture 2">
            <a:extLst>
              <a:ext uri="{FF2B5EF4-FFF2-40B4-BE49-F238E27FC236}">
                <a16:creationId xmlns:a16="http://schemas.microsoft.com/office/drawing/2014/main" id="{A79F628A-BAB6-4463-88CC-4937D46459A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8438" y="1096964"/>
            <a:ext cx="4303562" cy="338098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027" name="Picture 3">
            <a:extLst>
              <a:ext uri="{FF2B5EF4-FFF2-40B4-BE49-F238E27FC236}">
                <a16:creationId xmlns:a16="http://schemas.microsoft.com/office/drawing/2014/main" id="{4A8BC2F1-7636-4552-8682-821228131C93}"/>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r="17093"/>
          <a:stretch/>
        </p:blipFill>
        <p:spPr bwMode="auto">
          <a:xfrm>
            <a:off x="4149680" y="2033414"/>
            <a:ext cx="4474821" cy="286664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6" name="Picture 8" descr="See the source image">
            <a:extLst>
              <a:ext uri="{FF2B5EF4-FFF2-40B4-BE49-F238E27FC236}">
                <a16:creationId xmlns:a16="http://schemas.microsoft.com/office/drawing/2014/main" id="{4FD23CB3-A51F-40FD-82C9-4E74A71F004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744555" y="449348"/>
            <a:ext cx="815910" cy="7153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87070654"/>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89DEA7-AAE3-478A-9862-0589140E119F}"/>
              </a:ext>
            </a:extLst>
          </p:cNvPr>
          <p:cNvSpPr>
            <a:spLocks noGrp="1"/>
          </p:cNvSpPr>
          <p:nvPr>
            <p:ph type="title"/>
          </p:nvPr>
        </p:nvSpPr>
        <p:spPr/>
        <p:txBody>
          <a:bodyPr/>
          <a:lstStyle/>
          <a:p>
            <a:r>
              <a:rPr lang="en-GB" dirty="0"/>
              <a:t>Practical Uses</a:t>
            </a:r>
            <a:endParaRPr lang="en-AU" dirty="0"/>
          </a:p>
        </p:txBody>
      </p:sp>
      <p:sp>
        <p:nvSpPr>
          <p:cNvPr id="3" name="Text Placeholder 2">
            <a:extLst>
              <a:ext uri="{FF2B5EF4-FFF2-40B4-BE49-F238E27FC236}">
                <a16:creationId xmlns:a16="http://schemas.microsoft.com/office/drawing/2014/main" id="{E9916D84-B8AC-4615-90CC-E23DF52B32B6}"/>
              </a:ext>
            </a:extLst>
          </p:cNvPr>
          <p:cNvSpPr>
            <a:spLocks noGrp="1"/>
          </p:cNvSpPr>
          <p:nvPr>
            <p:ph type="body" idx="1"/>
          </p:nvPr>
        </p:nvSpPr>
        <p:spPr/>
        <p:txBody>
          <a:bodyPr/>
          <a:lstStyle/>
          <a:p>
            <a:r>
              <a:rPr lang="en-GB" dirty="0"/>
              <a:t>Summary</a:t>
            </a:r>
            <a:endParaRPr lang="en-AU" dirty="0"/>
          </a:p>
        </p:txBody>
      </p:sp>
      <p:pic>
        <p:nvPicPr>
          <p:cNvPr id="4" name="Picture 3">
            <a:extLst>
              <a:ext uri="{FF2B5EF4-FFF2-40B4-BE49-F238E27FC236}">
                <a16:creationId xmlns:a16="http://schemas.microsoft.com/office/drawing/2014/main" id="{B3765835-7A8D-436E-9006-A9890735C4DB}"/>
              </a:ext>
            </a:extLst>
          </p:cNvPr>
          <p:cNvPicPr>
            <a:picLocks noChangeAspect="1"/>
          </p:cNvPicPr>
          <p:nvPr/>
        </p:nvPicPr>
        <p:blipFill>
          <a:blip r:embed="rId3"/>
          <a:stretch>
            <a:fillRect/>
          </a:stretch>
        </p:blipFill>
        <p:spPr>
          <a:xfrm>
            <a:off x="5552006" y="1258637"/>
            <a:ext cx="1719009" cy="1550985"/>
          </a:xfrm>
          <a:prstGeom prst="rect">
            <a:avLst/>
          </a:prstGeom>
        </p:spPr>
      </p:pic>
      <p:sp>
        <p:nvSpPr>
          <p:cNvPr id="5" name="TextBox 4">
            <a:extLst>
              <a:ext uri="{FF2B5EF4-FFF2-40B4-BE49-F238E27FC236}">
                <a16:creationId xmlns:a16="http://schemas.microsoft.com/office/drawing/2014/main" id="{97E3B6A9-C471-47C7-B83E-7FD2EF7AF683}"/>
              </a:ext>
            </a:extLst>
          </p:cNvPr>
          <p:cNvSpPr txBox="1"/>
          <p:nvPr/>
        </p:nvSpPr>
        <p:spPr>
          <a:xfrm>
            <a:off x="395288" y="1449355"/>
            <a:ext cx="4357104" cy="1600438"/>
          </a:xfrm>
          <a:prstGeom prst="rect">
            <a:avLst/>
          </a:prstGeom>
          <a:noFill/>
        </p:spPr>
        <p:txBody>
          <a:bodyPr wrap="square" rtlCol="0">
            <a:spAutoFit/>
          </a:bodyPr>
          <a:lstStyle/>
          <a:p>
            <a:pPr marL="285750" indent="-285750">
              <a:buFont typeface="Arial" panose="020B0604020202020204" pitchFamily="34" charset="0"/>
              <a:buChar char="•"/>
            </a:pPr>
            <a:r>
              <a:rPr lang="en-GB" dirty="0"/>
              <a:t>Automation</a:t>
            </a:r>
          </a:p>
          <a:p>
            <a:pPr marL="285750" indent="-285750">
              <a:buFont typeface="Arial" panose="020B0604020202020204" pitchFamily="34" charset="0"/>
              <a:buChar char="•"/>
            </a:pPr>
            <a:r>
              <a:rPr lang="en-GB" dirty="0"/>
              <a:t>Increased efficiency</a:t>
            </a:r>
          </a:p>
          <a:p>
            <a:pPr marL="285750" indent="-285750">
              <a:buFont typeface="Arial" panose="020B0604020202020204" pitchFamily="34" charset="0"/>
              <a:buChar char="•"/>
            </a:pPr>
            <a:r>
              <a:rPr lang="en-GB" dirty="0"/>
              <a:t>Adapt to changing requirements</a:t>
            </a:r>
          </a:p>
          <a:p>
            <a:pPr marL="285750" indent="-285750">
              <a:buFont typeface="Arial" panose="020B0604020202020204" pitchFamily="34" charset="0"/>
              <a:buChar char="•"/>
            </a:pPr>
            <a:r>
              <a:rPr lang="en-GB" dirty="0"/>
              <a:t>Enable teams to focus on the real problems</a:t>
            </a:r>
          </a:p>
          <a:p>
            <a:pPr marL="285750" indent="-285750">
              <a:buFont typeface="Arial" panose="020B0604020202020204" pitchFamily="34" charset="0"/>
              <a:buChar char="•"/>
            </a:pPr>
            <a:endParaRPr lang="en-GB" dirty="0"/>
          </a:p>
          <a:p>
            <a:endParaRPr lang="en-GB" dirty="0"/>
          </a:p>
          <a:p>
            <a:endParaRPr lang="en-GB" dirty="0"/>
          </a:p>
        </p:txBody>
      </p:sp>
      <p:pic>
        <p:nvPicPr>
          <p:cNvPr id="6" name="Picture 9" descr="cid:image001.png@01D4E5AD.A85654C0">
            <a:extLst>
              <a:ext uri="{FF2B5EF4-FFF2-40B4-BE49-F238E27FC236}">
                <a16:creationId xmlns:a16="http://schemas.microsoft.com/office/drawing/2014/main" id="{9F37CF37-AD5B-49FB-9FB0-036B9BE0E38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l="6743" r="6743"/>
          <a:stretch>
            <a:fillRect/>
          </a:stretch>
        </p:blipFill>
        <p:spPr bwMode="auto">
          <a:xfrm>
            <a:off x="395291" y="3680572"/>
            <a:ext cx="1749966" cy="11890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708061838"/>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1D0CC2-D81B-4804-9AAD-B9964F45F1BA}"/>
              </a:ext>
            </a:extLst>
          </p:cNvPr>
          <p:cNvSpPr>
            <a:spLocks noGrp="1"/>
          </p:cNvSpPr>
          <p:nvPr>
            <p:ph type="title"/>
          </p:nvPr>
        </p:nvSpPr>
        <p:spPr/>
        <p:txBody>
          <a:bodyPr/>
          <a:lstStyle/>
          <a:p>
            <a:r>
              <a:rPr lang="en-GB"/>
              <a:t>Coding Clubs</a:t>
            </a:r>
            <a:endParaRPr lang="en-AU"/>
          </a:p>
        </p:txBody>
      </p:sp>
      <p:sp>
        <p:nvSpPr>
          <p:cNvPr id="3" name="Text Placeholder 2">
            <a:extLst>
              <a:ext uri="{FF2B5EF4-FFF2-40B4-BE49-F238E27FC236}">
                <a16:creationId xmlns:a16="http://schemas.microsoft.com/office/drawing/2014/main" id="{3ACC8B3C-3E3B-458B-86CB-98BFD35FF6B9}"/>
              </a:ext>
            </a:extLst>
          </p:cNvPr>
          <p:cNvSpPr>
            <a:spLocks noGrp="1"/>
          </p:cNvSpPr>
          <p:nvPr>
            <p:ph type="body" idx="1"/>
          </p:nvPr>
        </p:nvSpPr>
        <p:spPr/>
        <p:txBody>
          <a:bodyPr/>
          <a:lstStyle/>
          <a:p>
            <a:endParaRPr lang="en-AU"/>
          </a:p>
        </p:txBody>
      </p:sp>
      <p:sp>
        <p:nvSpPr>
          <p:cNvPr id="13" name="Oval 12">
            <a:extLst>
              <a:ext uri="{FF2B5EF4-FFF2-40B4-BE49-F238E27FC236}">
                <a16:creationId xmlns:a16="http://schemas.microsoft.com/office/drawing/2014/main" id="{ABECD84D-399C-4CF5-B208-01EA9F9CECC0}"/>
              </a:ext>
            </a:extLst>
          </p:cNvPr>
          <p:cNvSpPr>
            <a:spLocks/>
          </p:cNvSpPr>
          <p:nvPr/>
        </p:nvSpPr>
        <p:spPr>
          <a:xfrm>
            <a:off x="1636767" y="1453412"/>
            <a:ext cx="2236677" cy="2236677"/>
          </a:xfrm>
          <a:prstGeom prst="ellipse">
            <a:avLst/>
          </a:prstGeom>
          <a:solidFill>
            <a:schemeClr val="accent1">
              <a:alpha val="95000"/>
            </a:schemeClr>
          </a:solidFill>
          <a:ln w="12700" cap="flat" cmpd="sng" algn="ctr">
            <a:noFill/>
            <a:prstDash val="solid"/>
            <a:miter lim="800000"/>
          </a:ln>
          <a:effectLst/>
        </p:spPr>
        <p:txBody>
          <a:bodyPr lIns="0" tIns="0" rIns="179907" bIns="0" rtlCol="0" anchor="ctr" anchorCtr="0"/>
          <a:lstStyle/>
          <a:p>
            <a:pPr algn="ctr" defTabSz="913943">
              <a:defRPr/>
            </a:pPr>
            <a:r>
              <a:rPr lang="en-GB" sz="1500" b="1">
                <a:solidFill>
                  <a:srgbClr val="FFFFFF"/>
                </a:solidFill>
              </a:rPr>
              <a:t>Learn to code training program</a:t>
            </a:r>
          </a:p>
        </p:txBody>
      </p:sp>
      <p:sp>
        <p:nvSpPr>
          <p:cNvPr id="14" name="Oval 13">
            <a:extLst>
              <a:ext uri="{FF2B5EF4-FFF2-40B4-BE49-F238E27FC236}">
                <a16:creationId xmlns:a16="http://schemas.microsoft.com/office/drawing/2014/main" id="{3DC4C3D9-6E61-4A85-9CD7-A7F60B004C3F}"/>
              </a:ext>
            </a:extLst>
          </p:cNvPr>
          <p:cNvSpPr>
            <a:spLocks/>
          </p:cNvSpPr>
          <p:nvPr/>
        </p:nvSpPr>
        <p:spPr>
          <a:xfrm>
            <a:off x="3570794" y="2186254"/>
            <a:ext cx="2236677" cy="2236677"/>
          </a:xfrm>
          <a:prstGeom prst="ellipse">
            <a:avLst/>
          </a:prstGeom>
          <a:solidFill>
            <a:schemeClr val="accent2">
              <a:alpha val="95000"/>
            </a:schemeClr>
          </a:solidFill>
          <a:ln w="12700" cap="flat" cmpd="sng" algn="ctr">
            <a:noFill/>
            <a:prstDash val="solid"/>
            <a:miter lim="800000"/>
          </a:ln>
          <a:effectLst/>
        </p:spPr>
        <p:txBody>
          <a:bodyPr lIns="0" tIns="0" rIns="179907" bIns="0" rtlCol="0" anchor="ctr" anchorCtr="0"/>
          <a:lstStyle/>
          <a:p>
            <a:pPr algn="ctr" defTabSz="913943">
              <a:defRPr/>
            </a:pPr>
            <a:r>
              <a:rPr lang="en-GB" sz="1500" b="1">
                <a:solidFill>
                  <a:srgbClr val="FFFFFF"/>
                </a:solidFill>
              </a:rPr>
              <a:t>Weekly sessions run in each office</a:t>
            </a:r>
          </a:p>
        </p:txBody>
      </p:sp>
      <p:sp>
        <p:nvSpPr>
          <p:cNvPr id="15" name="Oval 14">
            <a:extLst>
              <a:ext uri="{FF2B5EF4-FFF2-40B4-BE49-F238E27FC236}">
                <a16:creationId xmlns:a16="http://schemas.microsoft.com/office/drawing/2014/main" id="{A05A5AAE-298E-4D7A-BAC8-65F84EB32071}"/>
              </a:ext>
            </a:extLst>
          </p:cNvPr>
          <p:cNvSpPr>
            <a:spLocks/>
          </p:cNvSpPr>
          <p:nvPr/>
        </p:nvSpPr>
        <p:spPr>
          <a:xfrm>
            <a:off x="5504822" y="1453412"/>
            <a:ext cx="2236677" cy="2236677"/>
          </a:xfrm>
          <a:prstGeom prst="ellipse">
            <a:avLst/>
          </a:prstGeom>
          <a:solidFill>
            <a:schemeClr val="accent3">
              <a:alpha val="95000"/>
            </a:schemeClr>
          </a:solidFill>
          <a:ln w="12700" cap="flat" cmpd="sng" algn="ctr">
            <a:noFill/>
            <a:prstDash val="solid"/>
            <a:miter lim="800000"/>
          </a:ln>
          <a:effectLst/>
        </p:spPr>
        <p:txBody>
          <a:bodyPr lIns="0" tIns="0" rIns="143926" bIns="0" rtlCol="0" anchor="ctr" anchorCtr="0"/>
          <a:lstStyle/>
          <a:p>
            <a:pPr algn="ctr" defTabSz="913943">
              <a:defRPr/>
            </a:pPr>
            <a:r>
              <a:rPr lang="en-GB" sz="1500" b="1">
                <a:solidFill>
                  <a:srgbClr val="FFFFFF"/>
                </a:solidFill>
              </a:rPr>
              <a:t>Increase number of staff able to code across all offices</a:t>
            </a:r>
          </a:p>
        </p:txBody>
      </p:sp>
      <p:pic>
        <p:nvPicPr>
          <p:cNvPr id="9" name="Picture 2" descr="Welcome to Python.org">
            <a:extLst>
              <a:ext uri="{FF2B5EF4-FFF2-40B4-BE49-F238E27FC236}">
                <a16:creationId xmlns:a16="http://schemas.microsoft.com/office/drawing/2014/main" id="{085C754E-0EA2-44E5-B8CA-A5B044F0932F}"/>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94387" y="3364065"/>
            <a:ext cx="652048" cy="652048"/>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id="{C389575A-45D9-471C-AE6F-6DD3F3ECD99C}"/>
              </a:ext>
            </a:extLst>
          </p:cNvPr>
          <p:cNvSpPr txBox="1"/>
          <p:nvPr/>
        </p:nvSpPr>
        <p:spPr>
          <a:xfrm>
            <a:off x="906010" y="3526089"/>
            <a:ext cx="992981" cy="307777"/>
          </a:xfrm>
          <a:prstGeom prst="rect">
            <a:avLst/>
          </a:prstGeom>
          <a:noFill/>
        </p:spPr>
        <p:txBody>
          <a:bodyPr wrap="square" rtlCol="0">
            <a:spAutoFit/>
          </a:bodyPr>
          <a:lstStyle/>
          <a:p>
            <a:r>
              <a:rPr lang="en-GB" b="1" dirty="0">
                <a:solidFill>
                  <a:schemeClr val="bg2"/>
                </a:solidFill>
              </a:rPr>
              <a:t>Python</a:t>
            </a:r>
            <a:endParaRPr lang="en-AU" b="1" dirty="0">
              <a:solidFill>
                <a:schemeClr val="bg2"/>
              </a:solidFill>
            </a:endParaRPr>
          </a:p>
        </p:txBody>
      </p:sp>
      <p:pic>
        <p:nvPicPr>
          <p:cNvPr id="12" name="Picture 3">
            <a:extLst>
              <a:ext uri="{FF2B5EF4-FFF2-40B4-BE49-F238E27FC236}">
                <a16:creationId xmlns:a16="http://schemas.microsoft.com/office/drawing/2014/main" id="{06D40D30-36BC-4050-BF58-64C09070ABF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08305" y="4132262"/>
            <a:ext cx="1800225" cy="552450"/>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847775485"/>
      </p:ext>
    </p:extLst>
  </p:cSld>
  <p:clrMapOvr>
    <a:masterClrMapping/>
  </p:clrMapOvr>
  <p:transition>
    <p:fade/>
  </p:transition>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grpId="0" nodeType="withEffect" p14:presetBounceEnd="66000">
                                      <p:stCondLst>
                                        <p:cond delay="0"/>
                                      </p:stCondLst>
                                      <p:childTnLst>
                                        <p:set>
                                          <p:cBhvr>
                                            <p:cTn id="6" dur="1" fill="hold">
                                              <p:stCondLst>
                                                <p:cond delay="0"/>
                                              </p:stCondLst>
                                            </p:cTn>
                                            <p:tgtEl>
                                              <p:spTgt spid="13"/>
                                            </p:tgtEl>
                                            <p:attrNameLst>
                                              <p:attrName>style.visibility</p:attrName>
                                            </p:attrNameLst>
                                          </p:cBhvr>
                                          <p:to>
                                            <p:strVal val="visible"/>
                                          </p:to>
                                        </p:set>
                                        <p:anim calcmode="lin" valueType="num" p14:bounceEnd="66000">
                                          <p:cBhvr additive="base">
                                            <p:cTn id="7" dur="1000" fill="hold"/>
                                            <p:tgtEl>
                                              <p:spTgt spid="13"/>
                                            </p:tgtEl>
                                            <p:attrNameLst>
                                              <p:attrName>ppt_x</p:attrName>
                                            </p:attrNameLst>
                                          </p:cBhvr>
                                          <p:tavLst>
                                            <p:tav tm="0">
                                              <p:val>
                                                <p:strVal val="0-#ppt_w/2"/>
                                              </p:val>
                                            </p:tav>
                                            <p:tav tm="100000">
                                              <p:val>
                                                <p:strVal val="#ppt_x"/>
                                              </p:val>
                                            </p:tav>
                                          </p:tavLst>
                                        </p:anim>
                                        <p:anim calcmode="lin" valueType="num" p14:bounceEnd="66000">
                                          <p:cBhvr additive="base">
                                            <p:cTn id="8" dur="1000" fill="hold"/>
                                            <p:tgtEl>
                                              <p:spTgt spid="13"/>
                                            </p:tgtEl>
                                            <p:attrNameLst>
                                              <p:attrName>ppt_y</p:attrName>
                                            </p:attrNameLst>
                                          </p:cBhvr>
                                          <p:tavLst>
                                            <p:tav tm="0">
                                              <p:val>
                                                <p:strVal val="#ppt_y"/>
                                              </p:val>
                                            </p:tav>
                                            <p:tav tm="100000">
                                              <p:val>
                                                <p:strVal val="#ppt_y"/>
                                              </p:val>
                                            </p:tav>
                                          </p:tavLst>
                                        </p:anim>
                                      </p:childTnLst>
                                    </p:cTn>
                                  </p:par>
                                  <p:par>
                                    <p:cTn id="9" presetID="2" presetClass="entr" presetSubtype="4" fill="hold" grpId="0" nodeType="withEffect" p14:presetBounceEnd="66000">
                                      <p:stCondLst>
                                        <p:cond delay="500"/>
                                      </p:stCondLst>
                                      <p:childTnLst>
                                        <p:set>
                                          <p:cBhvr>
                                            <p:cTn id="10" dur="1" fill="hold">
                                              <p:stCondLst>
                                                <p:cond delay="0"/>
                                              </p:stCondLst>
                                            </p:cTn>
                                            <p:tgtEl>
                                              <p:spTgt spid="14"/>
                                            </p:tgtEl>
                                            <p:attrNameLst>
                                              <p:attrName>style.visibility</p:attrName>
                                            </p:attrNameLst>
                                          </p:cBhvr>
                                          <p:to>
                                            <p:strVal val="visible"/>
                                          </p:to>
                                        </p:set>
                                        <p:anim calcmode="lin" valueType="num" p14:bounceEnd="66000">
                                          <p:cBhvr additive="base">
                                            <p:cTn id="11" dur="1000" fill="hold"/>
                                            <p:tgtEl>
                                              <p:spTgt spid="14"/>
                                            </p:tgtEl>
                                            <p:attrNameLst>
                                              <p:attrName>ppt_x</p:attrName>
                                            </p:attrNameLst>
                                          </p:cBhvr>
                                          <p:tavLst>
                                            <p:tav tm="0">
                                              <p:val>
                                                <p:strVal val="#ppt_x"/>
                                              </p:val>
                                            </p:tav>
                                            <p:tav tm="100000">
                                              <p:val>
                                                <p:strVal val="#ppt_x"/>
                                              </p:val>
                                            </p:tav>
                                          </p:tavLst>
                                        </p:anim>
                                        <p:anim calcmode="lin" valueType="num" p14:bounceEnd="66000">
                                          <p:cBhvr additive="base">
                                            <p:cTn id="12" dur="1000" fill="hold"/>
                                            <p:tgtEl>
                                              <p:spTgt spid="14"/>
                                            </p:tgtEl>
                                            <p:attrNameLst>
                                              <p:attrName>ppt_y</p:attrName>
                                            </p:attrNameLst>
                                          </p:cBhvr>
                                          <p:tavLst>
                                            <p:tav tm="0">
                                              <p:val>
                                                <p:strVal val="1+#ppt_h/2"/>
                                              </p:val>
                                            </p:tav>
                                            <p:tav tm="100000">
                                              <p:val>
                                                <p:strVal val="#ppt_y"/>
                                              </p:val>
                                            </p:tav>
                                          </p:tavLst>
                                        </p:anim>
                                      </p:childTnLst>
                                    </p:cTn>
                                  </p:par>
                                  <p:par>
                                    <p:cTn id="13" presetID="2" presetClass="entr" presetSubtype="2" fill="hold" grpId="0" nodeType="withEffect" p14:presetBounceEnd="66000">
                                      <p:stCondLst>
                                        <p:cond delay="1000"/>
                                      </p:stCondLst>
                                      <p:childTnLst>
                                        <p:set>
                                          <p:cBhvr>
                                            <p:cTn id="14" dur="1" fill="hold">
                                              <p:stCondLst>
                                                <p:cond delay="0"/>
                                              </p:stCondLst>
                                            </p:cTn>
                                            <p:tgtEl>
                                              <p:spTgt spid="15"/>
                                            </p:tgtEl>
                                            <p:attrNameLst>
                                              <p:attrName>style.visibility</p:attrName>
                                            </p:attrNameLst>
                                          </p:cBhvr>
                                          <p:to>
                                            <p:strVal val="visible"/>
                                          </p:to>
                                        </p:set>
                                        <p:anim calcmode="lin" valueType="num" p14:bounceEnd="66000">
                                          <p:cBhvr additive="base">
                                            <p:cTn id="15" dur="1000" fill="hold"/>
                                            <p:tgtEl>
                                              <p:spTgt spid="15"/>
                                            </p:tgtEl>
                                            <p:attrNameLst>
                                              <p:attrName>ppt_x</p:attrName>
                                            </p:attrNameLst>
                                          </p:cBhvr>
                                          <p:tavLst>
                                            <p:tav tm="0">
                                              <p:val>
                                                <p:strVal val="1+#ppt_w/2"/>
                                              </p:val>
                                            </p:tav>
                                            <p:tav tm="100000">
                                              <p:val>
                                                <p:strVal val="#ppt_x"/>
                                              </p:val>
                                            </p:tav>
                                          </p:tavLst>
                                        </p:anim>
                                        <p:anim calcmode="lin" valueType="num" p14:bounceEnd="66000">
                                          <p:cBhvr additive="base">
                                            <p:cTn id="16" dur="1000" fill="hold"/>
                                            <p:tgtEl>
                                              <p:spTgt spid="15"/>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4" grpId="0" animBg="1"/>
          <p:bldP spid="15" grpId="0" animBg="1"/>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grpId="0" nodeType="withEffect">
                                      <p:stCondLst>
                                        <p:cond delay="0"/>
                                      </p:stCondLst>
                                      <p:childTnLst>
                                        <p:set>
                                          <p:cBhvr>
                                            <p:cTn id="6" dur="1" fill="hold">
                                              <p:stCondLst>
                                                <p:cond delay="0"/>
                                              </p:stCondLst>
                                            </p:cTn>
                                            <p:tgtEl>
                                              <p:spTgt spid="13"/>
                                            </p:tgtEl>
                                            <p:attrNameLst>
                                              <p:attrName>style.visibility</p:attrName>
                                            </p:attrNameLst>
                                          </p:cBhvr>
                                          <p:to>
                                            <p:strVal val="visible"/>
                                          </p:to>
                                        </p:set>
                                        <p:anim calcmode="lin" valueType="num">
                                          <p:cBhvr additive="base">
                                            <p:cTn id="7" dur="1000" fill="hold"/>
                                            <p:tgtEl>
                                              <p:spTgt spid="13"/>
                                            </p:tgtEl>
                                            <p:attrNameLst>
                                              <p:attrName>ppt_x</p:attrName>
                                            </p:attrNameLst>
                                          </p:cBhvr>
                                          <p:tavLst>
                                            <p:tav tm="0">
                                              <p:val>
                                                <p:strVal val="0-#ppt_w/2"/>
                                              </p:val>
                                            </p:tav>
                                            <p:tav tm="100000">
                                              <p:val>
                                                <p:strVal val="#ppt_x"/>
                                              </p:val>
                                            </p:tav>
                                          </p:tavLst>
                                        </p:anim>
                                        <p:anim calcmode="lin" valueType="num">
                                          <p:cBhvr additive="base">
                                            <p:cTn id="8" dur="1000" fill="hold"/>
                                            <p:tgtEl>
                                              <p:spTgt spid="13"/>
                                            </p:tgtEl>
                                            <p:attrNameLst>
                                              <p:attrName>ppt_y</p:attrName>
                                            </p:attrNameLst>
                                          </p:cBhvr>
                                          <p:tavLst>
                                            <p:tav tm="0">
                                              <p:val>
                                                <p:strVal val="#ppt_y"/>
                                              </p:val>
                                            </p:tav>
                                            <p:tav tm="100000">
                                              <p:val>
                                                <p:strVal val="#ppt_y"/>
                                              </p:val>
                                            </p:tav>
                                          </p:tavLst>
                                        </p:anim>
                                      </p:childTnLst>
                                    </p:cTn>
                                  </p:par>
                                  <p:par>
                                    <p:cTn id="9" presetID="2" presetClass="entr" presetSubtype="4" fill="hold" grpId="0" nodeType="withEffect">
                                      <p:stCondLst>
                                        <p:cond delay="500"/>
                                      </p:stCondLst>
                                      <p:childTnLst>
                                        <p:set>
                                          <p:cBhvr>
                                            <p:cTn id="10" dur="1" fill="hold">
                                              <p:stCondLst>
                                                <p:cond delay="0"/>
                                              </p:stCondLst>
                                            </p:cTn>
                                            <p:tgtEl>
                                              <p:spTgt spid="14"/>
                                            </p:tgtEl>
                                            <p:attrNameLst>
                                              <p:attrName>style.visibility</p:attrName>
                                            </p:attrNameLst>
                                          </p:cBhvr>
                                          <p:to>
                                            <p:strVal val="visible"/>
                                          </p:to>
                                        </p:set>
                                        <p:anim calcmode="lin" valueType="num">
                                          <p:cBhvr additive="base">
                                            <p:cTn id="11" dur="1000" fill="hold"/>
                                            <p:tgtEl>
                                              <p:spTgt spid="14"/>
                                            </p:tgtEl>
                                            <p:attrNameLst>
                                              <p:attrName>ppt_x</p:attrName>
                                            </p:attrNameLst>
                                          </p:cBhvr>
                                          <p:tavLst>
                                            <p:tav tm="0">
                                              <p:val>
                                                <p:strVal val="#ppt_x"/>
                                              </p:val>
                                            </p:tav>
                                            <p:tav tm="100000">
                                              <p:val>
                                                <p:strVal val="#ppt_x"/>
                                              </p:val>
                                            </p:tav>
                                          </p:tavLst>
                                        </p:anim>
                                        <p:anim calcmode="lin" valueType="num">
                                          <p:cBhvr additive="base">
                                            <p:cTn id="12" dur="1000" fill="hold"/>
                                            <p:tgtEl>
                                              <p:spTgt spid="14"/>
                                            </p:tgtEl>
                                            <p:attrNameLst>
                                              <p:attrName>ppt_y</p:attrName>
                                            </p:attrNameLst>
                                          </p:cBhvr>
                                          <p:tavLst>
                                            <p:tav tm="0">
                                              <p:val>
                                                <p:strVal val="1+#ppt_h/2"/>
                                              </p:val>
                                            </p:tav>
                                            <p:tav tm="100000">
                                              <p:val>
                                                <p:strVal val="#ppt_y"/>
                                              </p:val>
                                            </p:tav>
                                          </p:tavLst>
                                        </p:anim>
                                      </p:childTnLst>
                                    </p:cTn>
                                  </p:par>
                                  <p:par>
                                    <p:cTn id="13" presetID="2" presetClass="entr" presetSubtype="2" fill="hold" grpId="0" nodeType="withEffect">
                                      <p:stCondLst>
                                        <p:cond delay="1000"/>
                                      </p:stCondLst>
                                      <p:childTnLst>
                                        <p:set>
                                          <p:cBhvr>
                                            <p:cTn id="14" dur="1" fill="hold">
                                              <p:stCondLst>
                                                <p:cond delay="0"/>
                                              </p:stCondLst>
                                            </p:cTn>
                                            <p:tgtEl>
                                              <p:spTgt spid="15"/>
                                            </p:tgtEl>
                                            <p:attrNameLst>
                                              <p:attrName>style.visibility</p:attrName>
                                            </p:attrNameLst>
                                          </p:cBhvr>
                                          <p:to>
                                            <p:strVal val="visible"/>
                                          </p:to>
                                        </p:set>
                                        <p:anim calcmode="lin" valueType="num">
                                          <p:cBhvr additive="base">
                                            <p:cTn id="15" dur="1000" fill="hold"/>
                                            <p:tgtEl>
                                              <p:spTgt spid="15"/>
                                            </p:tgtEl>
                                            <p:attrNameLst>
                                              <p:attrName>ppt_x</p:attrName>
                                            </p:attrNameLst>
                                          </p:cBhvr>
                                          <p:tavLst>
                                            <p:tav tm="0">
                                              <p:val>
                                                <p:strVal val="1+#ppt_w/2"/>
                                              </p:val>
                                            </p:tav>
                                            <p:tav tm="100000">
                                              <p:val>
                                                <p:strVal val="#ppt_x"/>
                                              </p:val>
                                            </p:tav>
                                          </p:tavLst>
                                        </p:anim>
                                        <p:anim calcmode="lin" valueType="num">
                                          <p:cBhvr additive="base">
                                            <p:cTn id="16" dur="1000" fill="hold"/>
                                            <p:tgtEl>
                                              <p:spTgt spid="15"/>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4" grpId="0" animBg="1"/>
          <p:bldP spid="15" grpId="0" animBg="1"/>
        </p:bldLst>
      </p:timing>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B90ABF-B09C-4C4D-844A-112C2C2D991D}"/>
              </a:ext>
            </a:extLst>
          </p:cNvPr>
          <p:cNvSpPr>
            <a:spLocks noGrp="1"/>
          </p:cNvSpPr>
          <p:nvPr>
            <p:ph type="title"/>
          </p:nvPr>
        </p:nvSpPr>
        <p:spPr/>
        <p:txBody>
          <a:bodyPr/>
          <a:lstStyle/>
          <a:p>
            <a:r>
              <a:rPr lang="en-GB" dirty="0"/>
              <a:t>Coding Clubs</a:t>
            </a:r>
            <a:endParaRPr lang="en-AU" dirty="0"/>
          </a:p>
        </p:txBody>
      </p:sp>
      <p:sp>
        <p:nvSpPr>
          <p:cNvPr id="3" name="Text Placeholder 2">
            <a:extLst>
              <a:ext uri="{FF2B5EF4-FFF2-40B4-BE49-F238E27FC236}">
                <a16:creationId xmlns:a16="http://schemas.microsoft.com/office/drawing/2014/main" id="{D78FA1DF-6EA6-4D5B-B637-066CB515E8E0}"/>
              </a:ext>
            </a:extLst>
          </p:cNvPr>
          <p:cNvSpPr>
            <a:spLocks noGrp="1"/>
          </p:cNvSpPr>
          <p:nvPr>
            <p:ph type="body" idx="1"/>
          </p:nvPr>
        </p:nvSpPr>
        <p:spPr/>
        <p:txBody>
          <a:bodyPr/>
          <a:lstStyle/>
          <a:p>
            <a:r>
              <a:rPr lang="en-GB" dirty="0"/>
              <a:t>Outline</a:t>
            </a:r>
            <a:endParaRPr lang="en-AU" dirty="0"/>
          </a:p>
        </p:txBody>
      </p:sp>
      <p:sp>
        <p:nvSpPr>
          <p:cNvPr id="4" name="Rectangle 3">
            <a:extLst>
              <a:ext uri="{FF2B5EF4-FFF2-40B4-BE49-F238E27FC236}">
                <a16:creationId xmlns:a16="http://schemas.microsoft.com/office/drawing/2014/main" id="{6397BD25-9ABE-48C1-BE6C-0DB86B7D0489}"/>
              </a:ext>
            </a:extLst>
          </p:cNvPr>
          <p:cNvSpPr/>
          <p:nvPr/>
        </p:nvSpPr>
        <p:spPr>
          <a:xfrm>
            <a:off x="602159" y="1545896"/>
            <a:ext cx="1726251" cy="219627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t>10-15 mins</a:t>
            </a:r>
          </a:p>
          <a:p>
            <a:pPr algn="ctr"/>
            <a:r>
              <a:rPr lang="en-GB" dirty="0"/>
              <a:t>Review last weeks topic, discuss the solutions that were reached.</a:t>
            </a:r>
            <a:endParaRPr lang="en-AU" dirty="0"/>
          </a:p>
        </p:txBody>
      </p:sp>
      <p:sp>
        <p:nvSpPr>
          <p:cNvPr id="5" name="Rectangle 4">
            <a:extLst>
              <a:ext uri="{FF2B5EF4-FFF2-40B4-BE49-F238E27FC236}">
                <a16:creationId xmlns:a16="http://schemas.microsoft.com/office/drawing/2014/main" id="{3A572673-3FF2-44DA-B107-D29954285805}"/>
              </a:ext>
            </a:extLst>
          </p:cNvPr>
          <p:cNvSpPr/>
          <p:nvPr/>
        </p:nvSpPr>
        <p:spPr>
          <a:xfrm>
            <a:off x="2633210" y="1545896"/>
            <a:ext cx="1726251" cy="2196270"/>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dirty="0"/>
              <a:t>15 mins</a:t>
            </a:r>
          </a:p>
          <a:p>
            <a:pPr algn="ctr"/>
            <a:r>
              <a:rPr lang="en-GB" dirty="0"/>
              <a:t>Introduce the club to the current weeks content.</a:t>
            </a:r>
            <a:endParaRPr lang="en-AU" dirty="0"/>
          </a:p>
        </p:txBody>
      </p:sp>
      <p:sp>
        <p:nvSpPr>
          <p:cNvPr id="6" name="Rectangle 5">
            <a:extLst>
              <a:ext uri="{FF2B5EF4-FFF2-40B4-BE49-F238E27FC236}">
                <a16:creationId xmlns:a16="http://schemas.microsoft.com/office/drawing/2014/main" id="{B6EEC2B1-DAC9-4EC9-908A-C7472AA80235}"/>
              </a:ext>
            </a:extLst>
          </p:cNvPr>
          <p:cNvSpPr/>
          <p:nvPr/>
        </p:nvSpPr>
        <p:spPr>
          <a:xfrm>
            <a:off x="4664261" y="1545896"/>
            <a:ext cx="1726251" cy="2196270"/>
          </a:xfrm>
          <a:prstGeom prst="rect">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en-GB" dirty="0"/>
              <a:t>60-90 mins</a:t>
            </a:r>
          </a:p>
          <a:p>
            <a:pPr algn="ctr"/>
            <a:r>
              <a:rPr lang="en-GB" dirty="0"/>
              <a:t>Time to code.</a:t>
            </a:r>
          </a:p>
          <a:p>
            <a:pPr algn="ctr"/>
            <a:r>
              <a:rPr lang="en-GB" dirty="0"/>
              <a:t>Work on the content for this week.</a:t>
            </a:r>
            <a:endParaRPr lang="en-AU" dirty="0"/>
          </a:p>
        </p:txBody>
      </p:sp>
      <p:pic>
        <p:nvPicPr>
          <p:cNvPr id="7" name="Picture 2" descr="Welcome to Python.org">
            <a:extLst>
              <a:ext uri="{FF2B5EF4-FFF2-40B4-BE49-F238E27FC236}">
                <a16:creationId xmlns:a16="http://schemas.microsoft.com/office/drawing/2014/main" id="{32930906-3187-4B0C-84DE-46F66F1DD50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07039" y="4276824"/>
            <a:ext cx="652048" cy="652048"/>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27EFEA94-1D14-469E-8850-A32B92A6E560}"/>
              </a:ext>
            </a:extLst>
          </p:cNvPr>
          <p:cNvSpPr txBox="1"/>
          <p:nvPr/>
        </p:nvSpPr>
        <p:spPr>
          <a:xfrm>
            <a:off x="818662" y="4438848"/>
            <a:ext cx="992981" cy="307777"/>
          </a:xfrm>
          <a:prstGeom prst="rect">
            <a:avLst/>
          </a:prstGeom>
          <a:noFill/>
        </p:spPr>
        <p:txBody>
          <a:bodyPr wrap="square" rtlCol="0">
            <a:spAutoFit/>
          </a:bodyPr>
          <a:lstStyle/>
          <a:p>
            <a:r>
              <a:rPr lang="en-GB" b="1">
                <a:solidFill>
                  <a:schemeClr val="bg2"/>
                </a:solidFill>
              </a:rPr>
              <a:t>Python</a:t>
            </a:r>
            <a:endParaRPr lang="en-AU" b="1">
              <a:solidFill>
                <a:schemeClr val="bg2"/>
              </a:solidFill>
            </a:endParaRPr>
          </a:p>
        </p:txBody>
      </p:sp>
      <p:pic>
        <p:nvPicPr>
          <p:cNvPr id="10" name="Picture 3">
            <a:extLst>
              <a:ext uri="{FF2B5EF4-FFF2-40B4-BE49-F238E27FC236}">
                <a16:creationId xmlns:a16="http://schemas.microsoft.com/office/drawing/2014/main" id="{81A748BF-5287-4B23-9993-04D7574C9C7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732305" y="4326623"/>
            <a:ext cx="1800225" cy="552450"/>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4010027C-AA4B-447D-87D7-7BE9C83C2289}"/>
              </a:ext>
            </a:extLst>
          </p:cNvPr>
          <p:cNvSpPr/>
          <p:nvPr/>
        </p:nvSpPr>
        <p:spPr>
          <a:xfrm>
            <a:off x="6695312" y="1545896"/>
            <a:ext cx="1726251" cy="2196270"/>
          </a:xfrm>
          <a:prstGeom prst="rect">
            <a:avLst/>
          </a:prstGeom>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n-GB" dirty="0"/>
              <a:t>6 weeks course.</a:t>
            </a:r>
            <a:endParaRPr lang="en-AU" dirty="0"/>
          </a:p>
        </p:txBody>
      </p:sp>
    </p:spTree>
    <p:extLst>
      <p:ext uri="{BB962C8B-B14F-4D97-AF65-F5344CB8AC3E}">
        <p14:creationId xmlns:p14="http://schemas.microsoft.com/office/powerpoint/2010/main" val="71045829"/>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F228ADC-86AE-4F1E-8930-F1F408247B55}"/>
              </a:ext>
            </a:extLst>
          </p:cNvPr>
          <p:cNvPicPr>
            <a:picLocks noChangeAspect="1"/>
          </p:cNvPicPr>
          <p:nvPr/>
        </p:nvPicPr>
        <p:blipFill>
          <a:blip r:embed="rId3"/>
          <a:stretch>
            <a:fillRect/>
          </a:stretch>
        </p:blipFill>
        <p:spPr>
          <a:xfrm>
            <a:off x="0" y="0"/>
            <a:ext cx="9144000" cy="5140411"/>
          </a:xfrm>
          <a:prstGeom prst="rect">
            <a:avLst/>
          </a:prstGeom>
        </p:spPr>
      </p:pic>
      <p:sp>
        <p:nvSpPr>
          <p:cNvPr id="9" name="Rectangle: Rounded Corners 8">
            <a:extLst>
              <a:ext uri="{FF2B5EF4-FFF2-40B4-BE49-F238E27FC236}">
                <a16:creationId xmlns:a16="http://schemas.microsoft.com/office/drawing/2014/main" id="{063FE92F-FAEA-4BDD-B5BC-B0767F6924A5}"/>
              </a:ext>
            </a:extLst>
          </p:cNvPr>
          <p:cNvSpPr/>
          <p:nvPr/>
        </p:nvSpPr>
        <p:spPr>
          <a:xfrm>
            <a:off x="3969435" y="1229833"/>
            <a:ext cx="1897965" cy="1830867"/>
          </a:xfrm>
          <a:custGeom>
            <a:avLst/>
            <a:gdLst>
              <a:gd name="connsiteX0" fmla="*/ 0 w 1897965"/>
              <a:gd name="connsiteY0" fmla="*/ 305151 h 1830867"/>
              <a:gd name="connsiteX1" fmla="*/ 305151 w 1897965"/>
              <a:gd name="connsiteY1" fmla="*/ 0 h 1830867"/>
              <a:gd name="connsiteX2" fmla="*/ 974736 w 1897965"/>
              <a:gd name="connsiteY2" fmla="*/ 0 h 1830867"/>
              <a:gd name="connsiteX3" fmla="*/ 1592814 w 1897965"/>
              <a:gd name="connsiteY3" fmla="*/ 0 h 1830867"/>
              <a:gd name="connsiteX4" fmla="*/ 1897965 w 1897965"/>
              <a:gd name="connsiteY4" fmla="*/ 305151 h 1830867"/>
              <a:gd name="connsiteX5" fmla="*/ 1897965 w 1897965"/>
              <a:gd name="connsiteY5" fmla="*/ 891022 h 1830867"/>
              <a:gd name="connsiteX6" fmla="*/ 1897965 w 1897965"/>
              <a:gd name="connsiteY6" fmla="*/ 1525716 h 1830867"/>
              <a:gd name="connsiteX7" fmla="*/ 1592814 w 1897965"/>
              <a:gd name="connsiteY7" fmla="*/ 1830867 h 1830867"/>
              <a:gd name="connsiteX8" fmla="*/ 974736 w 1897965"/>
              <a:gd name="connsiteY8" fmla="*/ 1830867 h 1830867"/>
              <a:gd name="connsiteX9" fmla="*/ 305151 w 1897965"/>
              <a:gd name="connsiteY9" fmla="*/ 1830867 h 1830867"/>
              <a:gd name="connsiteX10" fmla="*/ 0 w 1897965"/>
              <a:gd name="connsiteY10" fmla="*/ 1525716 h 1830867"/>
              <a:gd name="connsiteX11" fmla="*/ 0 w 1897965"/>
              <a:gd name="connsiteY11" fmla="*/ 952050 h 1830867"/>
              <a:gd name="connsiteX12" fmla="*/ 0 w 1897965"/>
              <a:gd name="connsiteY12" fmla="*/ 305151 h 18308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897965" h="1830867" extrusionOk="0">
                <a:moveTo>
                  <a:pt x="0" y="305151"/>
                </a:moveTo>
                <a:cubicBezTo>
                  <a:pt x="-6993" y="132307"/>
                  <a:pt x="97390" y="14724"/>
                  <a:pt x="305151" y="0"/>
                </a:cubicBezTo>
                <a:cubicBezTo>
                  <a:pt x="635419" y="12888"/>
                  <a:pt x="825544" y="-25874"/>
                  <a:pt x="974736" y="0"/>
                </a:cubicBezTo>
                <a:cubicBezTo>
                  <a:pt x="1123929" y="25874"/>
                  <a:pt x="1308856" y="30027"/>
                  <a:pt x="1592814" y="0"/>
                </a:cubicBezTo>
                <a:cubicBezTo>
                  <a:pt x="1736580" y="-13549"/>
                  <a:pt x="1914377" y="144463"/>
                  <a:pt x="1897965" y="305151"/>
                </a:cubicBezTo>
                <a:cubicBezTo>
                  <a:pt x="1902779" y="461803"/>
                  <a:pt x="1889169" y="656409"/>
                  <a:pt x="1897965" y="891022"/>
                </a:cubicBezTo>
                <a:cubicBezTo>
                  <a:pt x="1906761" y="1125635"/>
                  <a:pt x="1909427" y="1244924"/>
                  <a:pt x="1897965" y="1525716"/>
                </a:cubicBezTo>
                <a:cubicBezTo>
                  <a:pt x="1895522" y="1670950"/>
                  <a:pt x="1746594" y="1851366"/>
                  <a:pt x="1592814" y="1830867"/>
                </a:cubicBezTo>
                <a:cubicBezTo>
                  <a:pt x="1400200" y="1808800"/>
                  <a:pt x="1147471" y="1851159"/>
                  <a:pt x="974736" y="1830867"/>
                </a:cubicBezTo>
                <a:cubicBezTo>
                  <a:pt x="802001" y="1810575"/>
                  <a:pt x="525717" y="1843499"/>
                  <a:pt x="305151" y="1830867"/>
                </a:cubicBezTo>
                <a:cubicBezTo>
                  <a:pt x="141602" y="1838281"/>
                  <a:pt x="2839" y="1723649"/>
                  <a:pt x="0" y="1525716"/>
                </a:cubicBezTo>
                <a:cubicBezTo>
                  <a:pt x="-23882" y="1291242"/>
                  <a:pt x="9863" y="1184970"/>
                  <a:pt x="0" y="952050"/>
                </a:cubicBezTo>
                <a:cubicBezTo>
                  <a:pt x="-9863" y="719130"/>
                  <a:pt x="892" y="568860"/>
                  <a:pt x="0" y="305151"/>
                </a:cubicBezTo>
                <a:close/>
              </a:path>
            </a:pathLst>
          </a:custGeom>
          <a:noFill/>
          <a:ln>
            <a:solidFill>
              <a:srgbClr val="323232"/>
            </a:solidFill>
            <a:extLst>
              <a:ext uri="{C807C97D-BFC1-408E-A445-0C87EB9F89A2}">
                <ask:lineSketchStyleProps xmlns:ask="http://schemas.microsoft.com/office/drawing/2018/sketchyshapes" sd="1219033472">
                  <a:prstGeom prst="round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323232"/>
              </a:solidFill>
            </a:endParaRPr>
          </a:p>
        </p:txBody>
      </p:sp>
    </p:spTree>
    <p:extLst>
      <p:ext uri="{BB962C8B-B14F-4D97-AF65-F5344CB8AC3E}">
        <p14:creationId xmlns:p14="http://schemas.microsoft.com/office/powerpoint/2010/main" val="2659065634"/>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ECD3E-BFAB-4B12-A28E-685D0717DA19}"/>
              </a:ext>
            </a:extLst>
          </p:cNvPr>
          <p:cNvSpPr>
            <a:spLocks noGrp="1"/>
          </p:cNvSpPr>
          <p:nvPr>
            <p:ph type="title"/>
          </p:nvPr>
        </p:nvSpPr>
        <p:spPr/>
        <p:txBody>
          <a:bodyPr/>
          <a:lstStyle/>
          <a:p>
            <a:r>
              <a:rPr lang="en-GB" dirty="0"/>
              <a:t>Python Coding Club Overview</a:t>
            </a:r>
            <a:endParaRPr lang="en-AU" dirty="0"/>
          </a:p>
        </p:txBody>
      </p:sp>
      <p:graphicFrame>
        <p:nvGraphicFramePr>
          <p:cNvPr id="5" name="Diagram 4">
            <a:extLst>
              <a:ext uri="{FF2B5EF4-FFF2-40B4-BE49-F238E27FC236}">
                <a16:creationId xmlns:a16="http://schemas.microsoft.com/office/drawing/2014/main" id="{B3F67D77-3DA9-457E-A36E-212CFA532B43}"/>
              </a:ext>
            </a:extLst>
          </p:cNvPr>
          <p:cNvGraphicFramePr/>
          <p:nvPr>
            <p:extLst>
              <p:ext uri="{D42A27DB-BD31-4B8C-83A1-F6EECF244321}">
                <p14:modId xmlns:p14="http://schemas.microsoft.com/office/powerpoint/2010/main" val="2496068202"/>
              </p:ext>
            </p:extLst>
          </p:nvPr>
        </p:nvGraphicFramePr>
        <p:xfrm>
          <a:off x="464558" y="1017545"/>
          <a:ext cx="6096000"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6" name="Picture 2" descr="Welcome to Python.org">
            <a:extLst>
              <a:ext uri="{FF2B5EF4-FFF2-40B4-BE49-F238E27FC236}">
                <a16:creationId xmlns:a16="http://schemas.microsoft.com/office/drawing/2014/main" id="{B5E9BD55-DE15-4405-872B-9021AEE6DCC3}"/>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7144109" y="2977968"/>
            <a:ext cx="652048" cy="652048"/>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65647FA4-C41B-48B4-AEDD-708E231B6C6D}"/>
              </a:ext>
            </a:extLst>
          </p:cNvPr>
          <p:cNvSpPr txBox="1"/>
          <p:nvPr/>
        </p:nvSpPr>
        <p:spPr>
          <a:xfrm>
            <a:off x="7755732" y="3139992"/>
            <a:ext cx="992981" cy="307777"/>
          </a:xfrm>
          <a:prstGeom prst="rect">
            <a:avLst/>
          </a:prstGeom>
          <a:noFill/>
        </p:spPr>
        <p:txBody>
          <a:bodyPr wrap="square" rtlCol="0">
            <a:spAutoFit/>
          </a:bodyPr>
          <a:lstStyle/>
          <a:p>
            <a:r>
              <a:rPr lang="en-GB" b="1" dirty="0">
                <a:solidFill>
                  <a:schemeClr val="bg2"/>
                </a:solidFill>
              </a:rPr>
              <a:t>Python</a:t>
            </a:r>
            <a:endParaRPr lang="en-AU" b="1" dirty="0">
              <a:solidFill>
                <a:schemeClr val="bg2"/>
              </a:solidFill>
            </a:endParaRPr>
          </a:p>
        </p:txBody>
      </p:sp>
      <p:pic>
        <p:nvPicPr>
          <p:cNvPr id="8" name="Picture 9" descr="cid:image001.png@01D4E5AD.A85654C0">
            <a:extLst>
              <a:ext uri="{FF2B5EF4-FFF2-40B4-BE49-F238E27FC236}">
                <a16:creationId xmlns:a16="http://schemas.microsoft.com/office/drawing/2014/main" id="{42855446-011E-4F59-9D5A-618C1D0D68B3}"/>
              </a:ext>
            </a:extLst>
          </p:cNvPr>
          <p:cNvPicPr>
            <a:picLocks noChangeAspect="1" noChangeArrowheads="1"/>
          </p:cNvPicPr>
          <p:nvPr/>
        </p:nvPicPr>
        <p:blipFill>
          <a:blip r:embed="rId9">
            <a:extLst>
              <a:ext uri="{28A0092B-C50C-407E-A947-70E740481C1C}">
                <a14:useLocalDpi xmlns:a14="http://schemas.microsoft.com/office/drawing/2010/main" val="0"/>
              </a:ext>
            </a:extLst>
          </a:blip>
          <a:srcRect l="6743" r="6743"/>
          <a:stretch>
            <a:fillRect/>
          </a:stretch>
        </p:blipFill>
        <p:spPr bwMode="auto">
          <a:xfrm>
            <a:off x="7033026" y="1293991"/>
            <a:ext cx="1749966" cy="11890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564244243"/>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34EA307-2F5D-42FB-99BB-B7C510669730}"/>
              </a:ext>
            </a:extLst>
          </p:cNvPr>
          <p:cNvSpPr>
            <a:spLocks noGrp="1"/>
          </p:cNvSpPr>
          <p:nvPr>
            <p:ph type="title"/>
          </p:nvPr>
        </p:nvSpPr>
        <p:spPr>
          <a:xfrm>
            <a:off x="395289" y="396875"/>
            <a:ext cx="4411274" cy="298451"/>
          </a:xfrm>
        </p:spPr>
        <p:txBody>
          <a:bodyPr/>
          <a:lstStyle/>
          <a:p>
            <a:r>
              <a:rPr lang="en-GB" sz="1800" b="1"/>
              <a:t>Beginner Modules</a:t>
            </a:r>
            <a:endParaRPr lang="en-AU" sz="1800" b="1"/>
          </a:p>
        </p:txBody>
      </p:sp>
      <p:sp>
        <p:nvSpPr>
          <p:cNvPr id="8" name="TextBox 7">
            <a:extLst>
              <a:ext uri="{FF2B5EF4-FFF2-40B4-BE49-F238E27FC236}">
                <a16:creationId xmlns:a16="http://schemas.microsoft.com/office/drawing/2014/main" id="{0324CC8D-80FB-4F3F-AEB5-1481743BFB73}"/>
              </a:ext>
            </a:extLst>
          </p:cNvPr>
          <p:cNvSpPr txBox="1"/>
          <p:nvPr/>
        </p:nvSpPr>
        <p:spPr>
          <a:xfrm>
            <a:off x="316982" y="728745"/>
            <a:ext cx="3636361" cy="461665"/>
          </a:xfrm>
          <a:prstGeom prst="rect">
            <a:avLst/>
          </a:prstGeom>
          <a:noFill/>
        </p:spPr>
        <p:txBody>
          <a:bodyPr wrap="square" rtlCol="0">
            <a:spAutoFit/>
          </a:bodyPr>
          <a:lstStyle/>
          <a:p>
            <a:r>
              <a:rPr lang="en-GB" sz="1200" b="1" dirty="0">
                <a:solidFill>
                  <a:schemeClr val="accent1"/>
                </a:solidFill>
              </a:rPr>
              <a:t>Session 1 – Coding Process Overview</a:t>
            </a:r>
          </a:p>
          <a:p>
            <a:pPr marL="171450" indent="-171450">
              <a:buFont typeface="Arial" panose="020B0604020202020204" pitchFamily="34" charset="0"/>
              <a:buChar char="•"/>
            </a:pPr>
            <a:r>
              <a:rPr lang="en-GB" sz="1200" dirty="0"/>
              <a:t>How to code from cradle to grave</a:t>
            </a:r>
            <a:endParaRPr lang="en-AU" sz="1200" dirty="0"/>
          </a:p>
        </p:txBody>
      </p:sp>
      <p:sp>
        <p:nvSpPr>
          <p:cNvPr id="9" name="TextBox 8">
            <a:extLst>
              <a:ext uri="{FF2B5EF4-FFF2-40B4-BE49-F238E27FC236}">
                <a16:creationId xmlns:a16="http://schemas.microsoft.com/office/drawing/2014/main" id="{8374CCA8-EB96-4A5A-A360-A2A7F5C1A4CC}"/>
              </a:ext>
            </a:extLst>
          </p:cNvPr>
          <p:cNvSpPr txBox="1"/>
          <p:nvPr/>
        </p:nvSpPr>
        <p:spPr>
          <a:xfrm>
            <a:off x="300576" y="1798784"/>
            <a:ext cx="3436896" cy="830997"/>
          </a:xfrm>
          <a:prstGeom prst="rect">
            <a:avLst/>
          </a:prstGeom>
          <a:noFill/>
        </p:spPr>
        <p:txBody>
          <a:bodyPr wrap="square" rtlCol="0">
            <a:spAutoFit/>
          </a:bodyPr>
          <a:lstStyle/>
          <a:p>
            <a:r>
              <a:rPr lang="en-GB" sz="1200" b="1" dirty="0">
                <a:solidFill>
                  <a:schemeClr val="accent1"/>
                </a:solidFill>
              </a:rPr>
              <a:t>Session 3 – Excel Manipulation and Data Processing</a:t>
            </a:r>
          </a:p>
          <a:p>
            <a:pPr marL="171450" indent="-171450">
              <a:buFont typeface="Arial" panose="020B0604020202020204" pitchFamily="34" charset="0"/>
              <a:buChar char="•"/>
            </a:pPr>
            <a:r>
              <a:rPr lang="en-GB" sz="1200" dirty="0"/>
              <a:t>Compile design data from multiple sources into custom format</a:t>
            </a:r>
            <a:endParaRPr lang="en-AU" sz="1200" dirty="0"/>
          </a:p>
        </p:txBody>
      </p:sp>
      <p:sp>
        <p:nvSpPr>
          <p:cNvPr id="15" name="Rectangle 14">
            <a:extLst>
              <a:ext uri="{FF2B5EF4-FFF2-40B4-BE49-F238E27FC236}">
                <a16:creationId xmlns:a16="http://schemas.microsoft.com/office/drawing/2014/main" id="{2B1ABC84-61CF-4A65-88B4-33B7912D86E1}"/>
              </a:ext>
            </a:extLst>
          </p:cNvPr>
          <p:cNvSpPr/>
          <p:nvPr/>
        </p:nvSpPr>
        <p:spPr>
          <a:xfrm>
            <a:off x="300576" y="695326"/>
            <a:ext cx="5086434" cy="4314744"/>
          </a:xfrm>
          <a:prstGeom prst="rect">
            <a:avLst/>
          </a:prstGeom>
          <a:noFill/>
          <a:ln w="19050">
            <a:solidFill>
              <a:srgbClr val="8E3F9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6" name="TextBox 15">
            <a:extLst>
              <a:ext uri="{FF2B5EF4-FFF2-40B4-BE49-F238E27FC236}">
                <a16:creationId xmlns:a16="http://schemas.microsoft.com/office/drawing/2014/main" id="{2AEECB8D-414C-41D2-8AFF-FF8A7DD6AFA6}"/>
              </a:ext>
            </a:extLst>
          </p:cNvPr>
          <p:cNvSpPr txBox="1"/>
          <p:nvPr/>
        </p:nvSpPr>
        <p:spPr>
          <a:xfrm>
            <a:off x="5664247" y="728745"/>
            <a:ext cx="2536372" cy="276999"/>
          </a:xfrm>
          <a:prstGeom prst="rect">
            <a:avLst/>
          </a:prstGeom>
          <a:noFill/>
        </p:spPr>
        <p:txBody>
          <a:bodyPr wrap="square" rtlCol="0">
            <a:spAutoFit/>
          </a:bodyPr>
          <a:lstStyle/>
          <a:p>
            <a:r>
              <a:rPr lang="en-GB" sz="1200" b="1">
                <a:solidFill>
                  <a:schemeClr val="accent2">
                    <a:lumMod val="75000"/>
                  </a:schemeClr>
                </a:solidFill>
              </a:rPr>
              <a:t>Session 1 – API integration</a:t>
            </a:r>
          </a:p>
        </p:txBody>
      </p:sp>
      <p:sp>
        <p:nvSpPr>
          <p:cNvPr id="17" name="TextBox 16">
            <a:extLst>
              <a:ext uri="{FF2B5EF4-FFF2-40B4-BE49-F238E27FC236}">
                <a16:creationId xmlns:a16="http://schemas.microsoft.com/office/drawing/2014/main" id="{453017AC-937C-4C6E-8993-FF11DEEB8080}"/>
              </a:ext>
            </a:extLst>
          </p:cNvPr>
          <p:cNvSpPr txBox="1"/>
          <p:nvPr/>
        </p:nvSpPr>
        <p:spPr>
          <a:xfrm>
            <a:off x="5679592" y="1412276"/>
            <a:ext cx="3082737" cy="276999"/>
          </a:xfrm>
          <a:prstGeom prst="rect">
            <a:avLst/>
          </a:prstGeom>
          <a:noFill/>
        </p:spPr>
        <p:txBody>
          <a:bodyPr wrap="square" rtlCol="0">
            <a:spAutoFit/>
          </a:bodyPr>
          <a:lstStyle/>
          <a:p>
            <a:r>
              <a:rPr lang="en-GB" sz="1200" b="1">
                <a:solidFill>
                  <a:schemeClr val="accent2">
                    <a:lumMod val="75000"/>
                  </a:schemeClr>
                </a:solidFill>
              </a:rPr>
              <a:t>Session 2 – Big Data &amp; Data Science</a:t>
            </a:r>
          </a:p>
        </p:txBody>
      </p:sp>
      <p:sp>
        <p:nvSpPr>
          <p:cNvPr id="18" name="TextBox 17">
            <a:extLst>
              <a:ext uri="{FF2B5EF4-FFF2-40B4-BE49-F238E27FC236}">
                <a16:creationId xmlns:a16="http://schemas.microsoft.com/office/drawing/2014/main" id="{F4364F73-81C0-451F-82AE-435AA0BB6ED6}"/>
              </a:ext>
            </a:extLst>
          </p:cNvPr>
          <p:cNvSpPr txBox="1"/>
          <p:nvPr/>
        </p:nvSpPr>
        <p:spPr>
          <a:xfrm>
            <a:off x="5664246" y="2100628"/>
            <a:ext cx="3328901" cy="461665"/>
          </a:xfrm>
          <a:prstGeom prst="rect">
            <a:avLst/>
          </a:prstGeom>
          <a:noFill/>
        </p:spPr>
        <p:txBody>
          <a:bodyPr wrap="square" rtlCol="0">
            <a:spAutoFit/>
          </a:bodyPr>
          <a:lstStyle/>
          <a:p>
            <a:r>
              <a:rPr lang="en-GB" sz="1200" b="1" dirty="0">
                <a:solidFill>
                  <a:schemeClr val="accent2">
                    <a:lumMod val="75000"/>
                  </a:schemeClr>
                </a:solidFill>
              </a:rPr>
              <a:t>Session 3 – Artificial Intelligence &amp; Machine Learning</a:t>
            </a:r>
            <a:endParaRPr lang="en-AU" sz="1200" b="1" dirty="0">
              <a:solidFill>
                <a:schemeClr val="accent2">
                  <a:lumMod val="75000"/>
                </a:schemeClr>
              </a:solidFill>
            </a:endParaRPr>
          </a:p>
        </p:txBody>
      </p:sp>
      <p:sp>
        <p:nvSpPr>
          <p:cNvPr id="19" name="Rectangle 18">
            <a:extLst>
              <a:ext uri="{FF2B5EF4-FFF2-40B4-BE49-F238E27FC236}">
                <a16:creationId xmlns:a16="http://schemas.microsoft.com/office/drawing/2014/main" id="{EF7820A9-06BA-4066-9AF6-7B95FDAD9E1A}"/>
              </a:ext>
            </a:extLst>
          </p:cNvPr>
          <p:cNvSpPr/>
          <p:nvPr/>
        </p:nvSpPr>
        <p:spPr>
          <a:xfrm>
            <a:off x="5710664" y="695326"/>
            <a:ext cx="3328902" cy="2099319"/>
          </a:xfrm>
          <a:prstGeom prst="rect">
            <a:avLst/>
          </a:prstGeom>
          <a:noFill/>
          <a:ln w="19050">
            <a:solidFill>
              <a:schemeClr val="accent3"/>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0" name="Title 3">
            <a:extLst>
              <a:ext uri="{FF2B5EF4-FFF2-40B4-BE49-F238E27FC236}">
                <a16:creationId xmlns:a16="http://schemas.microsoft.com/office/drawing/2014/main" id="{C1324008-F197-42CB-BE6B-13356ACFB650}"/>
              </a:ext>
            </a:extLst>
          </p:cNvPr>
          <p:cNvSpPr txBox="1">
            <a:spLocks/>
          </p:cNvSpPr>
          <p:nvPr/>
        </p:nvSpPr>
        <p:spPr>
          <a:xfrm>
            <a:off x="5710664" y="396874"/>
            <a:ext cx="3453206" cy="298451"/>
          </a:xfrm>
          <a:prstGeom prst="rect">
            <a:avLst/>
          </a:prstGeom>
          <a:noFill/>
          <a:ln>
            <a:noFill/>
          </a:ln>
        </p:spPr>
        <p:txBody>
          <a:bodyPr spcFirstLastPara="1" wrap="square" lIns="0" tIns="0" rIns="0" bIns="0" anchor="t" anchorCtr="0"/>
          <a:lstStyle>
            <a:defPPr marR="0" lvl="0" algn="l" rtl="0">
              <a:lnSpc>
                <a:spcPct val="100000"/>
              </a:lnSpc>
              <a:spcBef>
                <a:spcPts val="0"/>
              </a:spcBef>
              <a:spcAft>
                <a:spcPts val="0"/>
              </a:spcAft>
            </a:defPPr>
            <a:lvl1pPr marR="0" lvl="0" algn="l" rtl="0">
              <a:lnSpc>
                <a:spcPct val="80000"/>
              </a:lnSpc>
              <a:spcBef>
                <a:spcPts val="0"/>
              </a:spcBef>
              <a:spcAft>
                <a:spcPts val="0"/>
              </a:spcAft>
              <a:buClr>
                <a:schemeClr val="dk1"/>
              </a:buClr>
              <a:buSzPts val="1800"/>
              <a:buFont typeface="Arial"/>
              <a:buNone/>
              <a:defRPr sz="22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9pPr>
          </a:lstStyle>
          <a:p>
            <a:r>
              <a:rPr lang="en-GB" sz="1800" b="1"/>
              <a:t>Intermediate Modules (TBC)</a:t>
            </a:r>
            <a:endParaRPr lang="en-AU" sz="1800" b="1"/>
          </a:p>
        </p:txBody>
      </p:sp>
      <p:sp>
        <p:nvSpPr>
          <p:cNvPr id="21" name="TextBox 20">
            <a:extLst>
              <a:ext uri="{FF2B5EF4-FFF2-40B4-BE49-F238E27FC236}">
                <a16:creationId xmlns:a16="http://schemas.microsoft.com/office/drawing/2014/main" id="{9B421BD8-7137-4285-8F1F-E1F771DE6598}"/>
              </a:ext>
            </a:extLst>
          </p:cNvPr>
          <p:cNvSpPr txBox="1"/>
          <p:nvPr/>
        </p:nvSpPr>
        <p:spPr>
          <a:xfrm>
            <a:off x="327578" y="1273491"/>
            <a:ext cx="2765036" cy="461665"/>
          </a:xfrm>
          <a:prstGeom prst="rect">
            <a:avLst/>
          </a:prstGeom>
          <a:noFill/>
        </p:spPr>
        <p:txBody>
          <a:bodyPr wrap="square" rtlCol="0">
            <a:spAutoFit/>
          </a:bodyPr>
          <a:lstStyle/>
          <a:p>
            <a:r>
              <a:rPr lang="en-GB" sz="1200" b="1" dirty="0">
                <a:solidFill>
                  <a:schemeClr val="accent1"/>
                </a:solidFill>
              </a:rPr>
              <a:t>Session 2 – Computer Vision</a:t>
            </a:r>
          </a:p>
          <a:p>
            <a:pPr marL="171450" indent="-171450">
              <a:buFont typeface="Arial" panose="020B0604020202020204" pitchFamily="34" charset="0"/>
              <a:buChar char="•"/>
            </a:pPr>
            <a:r>
              <a:rPr lang="en-GB" sz="1200" dirty="0"/>
              <a:t>Engineering drawings reading</a:t>
            </a:r>
            <a:endParaRPr lang="en-AU" sz="1200" dirty="0"/>
          </a:p>
        </p:txBody>
      </p:sp>
      <p:sp>
        <p:nvSpPr>
          <p:cNvPr id="22" name="TextBox 21">
            <a:extLst>
              <a:ext uri="{FF2B5EF4-FFF2-40B4-BE49-F238E27FC236}">
                <a16:creationId xmlns:a16="http://schemas.microsoft.com/office/drawing/2014/main" id="{EE0C7FD1-1449-41E7-8571-D5FCA022363A}"/>
              </a:ext>
            </a:extLst>
          </p:cNvPr>
          <p:cNvSpPr txBox="1"/>
          <p:nvPr/>
        </p:nvSpPr>
        <p:spPr>
          <a:xfrm>
            <a:off x="316981" y="2663883"/>
            <a:ext cx="3155863" cy="646331"/>
          </a:xfrm>
          <a:prstGeom prst="rect">
            <a:avLst/>
          </a:prstGeom>
          <a:noFill/>
        </p:spPr>
        <p:txBody>
          <a:bodyPr wrap="square" rtlCol="0">
            <a:spAutoFit/>
          </a:bodyPr>
          <a:lstStyle/>
          <a:p>
            <a:r>
              <a:rPr lang="en-GB" sz="1200" b="1" dirty="0">
                <a:solidFill>
                  <a:schemeClr val="accent1"/>
                </a:solidFill>
              </a:rPr>
              <a:t>Session 4 – Natural Language with PDF and Word</a:t>
            </a:r>
          </a:p>
          <a:p>
            <a:pPr marL="171450" indent="-171450">
              <a:buFont typeface="Arial" panose="020B0604020202020204" pitchFamily="34" charset="0"/>
              <a:buChar char="•"/>
            </a:pPr>
            <a:r>
              <a:rPr lang="en-GB" sz="1200" dirty="0"/>
              <a:t>Automated text search and interpretation</a:t>
            </a:r>
            <a:endParaRPr lang="en-AU" sz="1200" dirty="0"/>
          </a:p>
        </p:txBody>
      </p:sp>
      <p:sp>
        <p:nvSpPr>
          <p:cNvPr id="23" name="TextBox 22">
            <a:extLst>
              <a:ext uri="{FF2B5EF4-FFF2-40B4-BE49-F238E27FC236}">
                <a16:creationId xmlns:a16="http://schemas.microsoft.com/office/drawing/2014/main" id="{065AC99D-58CC-4C17-AA76-EBCFADFC6A01}"/>
              </a:ext>
            </a:extLst>
          </p:cNvPr>
          <p:cNvSpPr txBox="1"/>
          <p:nvPr/>
        </p:nvSpPr>
        <p:spPr>
          <a:xfrm>
            <a:off x="316982" y="3517725"/>
            <a:ext cx="2536372" cy="461665"/>
          </a:xfrm>
          <a:prstGeom prst="rect">
            <a:avLst/>
          </a:prstGeom>
          <a:noFill/>
        </p:spPr>
        <p:txBody>
          <a:bodyPr wrap="square" rtlCol="0">
            <a:spAutoFit/>
          </a:bodyPr>
          <a:lstStyle/>
          <a:p>
            <a:r>
              <a:rPr lang="en-GB" sz="1200" b="1" dirty="0">
                <a:solidFill>
                  <a:schemeClr val="accent1"/>
                </a:solidFill>
              </a:rPr>
              <a:t>Session 5 – Internet Scraping</a:t>
            </a:r>
          </a:p>
          <a:p>
            <a:pPr marL="171450" indent="-171450">
              <a:buFont typeface="Arial" panose="020B0604020202020204" pitchFamily="34" charset="0"/>
              <a:buChar char="•"/>
            </a:pPr>
            <a:r>
              <a:rPr lang="en-GB" sz="1200" dirty="0"/>
              <a:t>Online data parsing</a:t>
            </a:r>
            <a:endParaRPr lang="en-AU" sz="1200" dirty="0"/>
          </a:p>
        </p:txBody>
      </p:sp>
      <p:sp>
        <p:nvSpPr>
          <p:cNvPr id="24" name="TextBox 23">
            <a:extLst>
              <a:ext uri="{FF2B5EF4-FFF2-40B4-BE49-F238E27FC236}">
                <a16:creationId xmlns:a16="http://schemas.microsoft.com/office/drawing/2014/main" id="{EE7C6901-4E97-4267-A789-DB73179D717C}"/>
              </a:ext>
            </a:extLst>
          </p:cNvPr>
          <p:cNvSpPr txBox="1"/>
          <p:nvPr/>
        </p:nvSpPr>
        <p:spPr>
          <a:xfrm>
            <a:off x="316982" y="4182231"/>
            <a:ext cx="3009962" cy="646331"/>
          </a:xfrm>
          <a:prstGeom prst="rect">
            <a:avLst/>
          </a:prstGeom>
          <a:noFill/>
        </p:spPr>
        <p:txBody>
          <a:bodyPr wrap="square" rtlCol="0">
            <a:spAutoFit/>
          </a:bodyPr>
          <a:lstStyle/>
          <a:p>
            <a:r>
              <a:rPr lang="en-GB" sz="1200" b="1" dirty="0">
                <a:solidFill>
                  <a:schemeClr val="accent1"/>
                </a:solidFill>
              </a:rPr>
              <a:t>Session 6 – Real-Time Data Extraction and Concluding Remarks</a:t>
            </a:r>
          </a:p>
          <a:p>
            <a:pPr marL="171450" indent="-171450">
              <a:buFont typeface="Arial" panose="020B0604020202020204" pitchFamily="34" charset="0"/>
              <a:buChar char="•"/>
            </a:pPr>
            <a:r>
              <a:rPr lang="en-GB" sz="1200" dirty="0"/>
              <a:t>Live dashboard from any source</a:t>
            </a:r>
          </a:p>
        </p:txBody>
      </p:sp>
      <p:sp>
        <p:nvSpPr>
          <p:cNvPr id="5" name="Thought Bubble: Cloud 4">
            <a:extLst>
              <a:ext uri="{FF2B5EF4-FFF2-40B4-BE49-F238E27FC236}">
                <a16:creationId xmlns:a16="http://schemas.microsoft.com/office/drawing/2014/main" id="{501F9AA8-5911-4722-B3F2-0DE6FF3231B2}"/>
              </a:ext>
            </a:extLst>
          </p:cNvPr>
          <p:cNvSpPr/>
          <p:nvPr/>
        </p:nvSpPr>
        <p:spPr>
          <a:xfrm>
            <a:off x="3660177" y="1995805"/>
            <a:ext cx="1683271" cy="461665"/>
          </a:xfrm>
          <a:prstGeom prst="cloudCallout">
            <a:avLst/>
          </a:prstGeom>
          <a:solidFill>
            <a:schemeClr val="accent3">
              <a:lumMod val="20000"/>
              <a:lumOff val="80000"/>
            </a:schemeClr>
          </a:solidFill>
          <a:ln>
            <a:solidFill>
              <a:schemeClr val="accent3">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6" name="TextBox 25">
            <a:extLst>
              <a:ext uri="{FF2B5EF4-FFF2-40B4-BE49-F238E27FC236}">
                <a16:creationId xmlns:a16="http://schemas.microsoft.com/office/drawing/2014/main" id="{D907E1DD-2E32-4367-947F-FA5A934956EA}"/>
              </a:ext>
            </a:extLst>
          </p:cNvPr>
          <p:cNvSpPr txBox="1"/>
          <p:nvPr/>
        </p:nvSpPr>
        <p:spPr>
          <a:xfrm rot="21426516">
            <a:off x="3843101" y="2076533"/>
            <a:ext cx="1386403" cy="261610"/>
          </a:xfrm>
          <a:prstGeom prst="rect">
            <a:avLst/>
          </a:prstGeom>
          <a:noFill/>
        </p:spPr>
        <p:txBody>
          <a:bodyPr wrap="square">
            <a:spAutoFit/>
          </a:bodyPr>
          <a:lstStyle/>
          <a:p>
            <a:r>
              <a:rPr lang="en-GB" sz="1100">
                <a:solidFill>
                  <a:schemeClr val="accent3">
                    <a:lumMod val="75000"/>
                  </a:schemeClr>
                </a:solidFill>
                <a:latin typeface="Comic Sans MS" panose="030F0702030302020204" pitchFamily="66" charset="0"/>
              </a:rPr>
              <a:t>Future Prediction</a:t>
            </a:r>
            <a:endParaRPr lang="en-AU" sz="1100">
              <a:solidFill>
                <a:schemeClr val="accent3">
                  <a:lumMod val="75000"/>
                </a:schemeClr>
              </a:solidFill>
              <a:latin typeface="Comic Sans MS" panose="030F0702030302020204" pitchFamily="66" charset="0"/>
            </a:endParaRPr>
          </a:p>
        </p:txBody>
      </p:sp>
      <p:sp>
        <p:nvSpPr>
          <p:cNvPr id="27" name="Thought Bubble: Cloud 26">
            <a:extLst>
              <a:ext uri="{FF2B5EF4-FFF2-40B4-BE49-F238E27FC236}">
                <a16:creationId xmlns:a16="http://schemas.microsoft.com/office/drawing/2014/main" id="{232351C3-B276-4C50-889A-6E27224013BB}"/>
              </a:ext>
            </a:extLst>
          </p:cNvPr>
          <p:cNvSpPr/>
          <p:nvPr/>
        </p:nvSpPr>
        <p:spPr>
          <a:xfrm rot="227455" flipH="1">
            <a:off x="3531407" y="1277077"/>
            <a:ext cx="1782865" cy="404582"/>
          </a:xfrm>
          <a:prstGeom prst="cloudCallout">
            <a:avLst/>
          </a:prstGeom>
          <a:solidFill>
            <a:schemeClr val="accent3">
              <a:lumMod val="20000"/>
              <a:lumOff val="80000"/>
            </a:schemeClr>
          </a:solidFill>
          <a:ln>
            <a:solidFill>
              <a:schemeClr val="accent3">
                <a:lumMod val="75000"/>
              </a:schemeClr>
            </a:solidFill>
          </a:ln>
          <a:scene3d>
            <a:camera prst="orthographicFront">
              <a:rot lat="0" lon="21599984" rev="0"/>
            </a:camera>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latin typeface="Comic Sans MS" panose="030F0702030302020204" pitchFamily="66" charset="0"/>
            </a:endParaRPr>
          </a:p>
        </p:txBody>
      </p:sp>
      <p:sp>
        <p:nvSpPr>
          <p:cNvPr id="28" name="TextBox 27">
            <a:extLst>
              <a:ext uri="{FF2B5EF4-FFF2-40B4-BE49-F238E27FC236}">
                <a16:creationId xmlns:a16="http://schemas.microsoft.com/office/drawing/2014/main" id="{359570FB-E1D0-4B41-8F5C-ACDF397141A0}"/>
              </a:ext>
            </a:extLst>
          </p:cNvPr>
          <p:cNvSpPr txBox="1"/>
          <p:nvPr/>
        </p:nvSpPr>
        <p:spPr>
          <a:xfrm rot="335915">
            <a:off x="3655306" y="1306395"/>
            <a:ext cx="1592195" cy="261610"/>
          </a:xfrm>
          <a:prstGeom prst="rect">
            <a:avLst/>
          </a:prstGeom>
          <a:noFill/>
        </p:spPr>
        <p:txBody>
          <a:bodyPr wrap="square">
            <a:spAutoFit/>
          </a:bodyPr>
          <a:lstStyle/>
          <a:p>
            <a:r>
              <a:rPr lang="en-GB" sz="1100">
                <a:solidFill>
                  <a:schemeClr val="accent3">
                    <a:lumMod val="75000"/>
                  </a:schemeClr>
                </a:solidFill>
                <a:latin typeface="Comic Sans MS" panose="030F0702030302020204" pitchFamily="66" charset="0"/>
              </a:rPr>
              <a:t>Autonomous Vehicles</a:t>
            </a:r>
            <a:endParaRPr lang="en-AU" sz="1100">
              <a:solidFill>
                <a:schemeClr val="accent3">
                  <a:lumMod val="75000"/>
                </a:schemeClr>
              </a:solidFill>
              <a:latin typeface="Comic Sans MS" panose="030F0702030302020204" pitchFamily="66" charset="0"/>
            </a:endParaRPr>
          </a:p>
        </p:txBody>
      </p:sp>
      <p:sp>
        <p:nvSpPr>
          <p:cNvPr id="29" name="Thought Bubble: Cloud 28">
            <a:extLst>
              <a:ext uri="{FF2B5EF4-FFF2-40B4-BE49-F238E27FC236}">
                <a16:creationId xmlns:a16="http://schemas.microsoft.com/office/drawing/2014/main" id="{9C027DB0-2F13-4367-857A-7C4E9D84422A}"/>
              </a:ext>
            </a:extLst>
          </p:cNvPr>
          <p:cNvSpPr/>
          <p:nvPr/>
        </p:nvSpPr>
        <p:spPr>
          <a:xfrm rot="21397565">
            <a:off x="3353717" y="2851486"/>
            <a:ext cx="1943367" cy="398594"/>
          </a:xfrm>
          <a:prstGeom prst="cloudCallout">
            <a:avLst/>
          </a:prstGeom>
          <a:solidFill>
            <a:schemeClr val="accent3">
              <a:lumMod val="20000"/>
              <a:lumOff val="80000"/>
            </a:schemeClr>
          </a:solidFill>
          <a:ln>
            <a:solidFill>
              <a:schemeClr val="accent3">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30" name="TextBox 29">
            <a:extLst>
              <a:ext uri="{FF2B5EF4-FFF2-40B4-BE49-F238E27FC236}">
                <a16:creationId xmlns:a16="http://schemas.microsoft.com/office/drawing/2014/main" id="{2609D066-0CAC-43FE-B695-FEC551D56DC4}"/>
              </a:ext>
            </a:extLst>
          </p:cNvPr>
          <p:cNvSpPr txBox="1"/>
          <p:nvPr/>
        </p:nvSpPr>
        <p:spPr>
          <a:xfrm rot="21276924">
            <a:off x="3586224" y="2888192"/>
            <a:ext cx="1481983" cy="261610"/>
          </a:xfrm>
          <a:prstGeom prst="rect">
            <a:avLst/>
          </a:prstGeom>
          <a:noFill/>
        </p:spPr>
        <p:txBody>
          <a:bodyPr wrap="square">
            <a:spAutoFit/>
          </a:bodyPr>
          <a:lstStyle/>
          <a:p>
            <a:r>
              <a:rPr lang="en-GB" sz="1100" dirty="0">
                <a:solidFill>
                  <a:schemeClr val="accent3">
                    <a:lumMod val="75000"/>
                  </a:schemeClr>
                </a:solidFill>
                <a:latin typeface="Comic Sans MS" panose="030F0702030302020204" pitchFamily="66" charset="0"/>
              </a:rPr>
              <a:t>Sentiment Analysis</a:t>
            </a:r>
            <a:endParaRPr lang="en-AU" sz="1100" dirty="0">
              <a:solidFill>
                <a:schemeClr val="accent3">
                  <a:lumMod val="75000"/>
                </a:schemeClr>
              </a:solidFill>
              <a:latin typeface="Comic Sans MS" panose="030F0702030302020204" pitchFamily="66" charset="0"/>
            </a:endParaRPr>
          </a:p>
        </p:txBody>
      </p:sp>
      <p:sp>
        <p:nvSpPr>
          <p:cNvPr id="31" name="Thought Bubble: Cloud 30">
            <a:extLst>
              <a:ext uri="{FF2B5EF4-FFF2-40B4-BE49-F238E27FC236}">
                <a16:creationId xmlns:a16="http://schemas.microsoft.com/office/drawing/2014/main" id="{19A3EA87-5498-4EE8-BF6D-434211C90661}"/>
              </a:ext>
            </a:extLst>
          </p:cNvPr>
          <p:cNvSpPr/>
          <p:nvPr/>
        </p:nvSpPr>
        <p:spPr>
          <a:xfrm flipH="1">
            <a:off x="3382329" y="3589664"/>
            <a:ext cx="1943367" cy="432712"/>
          </a:xfrm>
          <a:prstGeom prst="cloudCallout">
            <a:avLst/>
          </a:prstGeom>
          <a:solidFill>
            <a:schemeClr val="accent3">
              <a:lumMod val="20000"/>
              <a:lumOff val="80000"/>
            </a:schemeClr>
          </a:solidFill>
          <a:ln>
            <a:solidFill>
              <a:schemeClr val="accent3">
                <a:lumMod val="75000"/>
              </a:schemeClr>
            </a:solidFill>
          </a:ln>
          <a:scene3d>
            <a:camera prst="orthographicFront">
              <a:rot lat="0" lon="21599984" rev="0"/>
            </a:camera>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32" name="TextBox 31">
            <a:extLst>
              <a:ext uri="{FF2B5EF4-FFF2-40B4-BE49-F238E27FC236}">
                <a16:creationId xmlns:a16="http://schemas.microsoft.com/office/drawing/2014/main" id="{15E95178-FD33-414E-BE5C-E8989C724D9F}"/>
              </a:ext>
            </a:extLst>
          </p:cNvPr>
          <p:cNvSpPr txBox="1"/>
          <p:nvPr/>
        </p:nvSpPr>
        <p:spPr>
          <a:xfrm rot="108460">
            <a:off x="3668840" y="3640531"/>
            <a:ext cx="1488827" cy="261610"/>
          </a:xfrm>
          <a:prstGeom prst="rect">
            <a:avLst/>
          </a:prstGeom>
          <a:noFill/>
        </p:spPr>
        <p:txBody>
          <a:bodyPr wrap="square">
            <a:spAutoFit/>
          </a:bodyPr>
          <a:lstStyle/>
          <a:p>
            <a:r>
              <a:rPr lang="en-GB" sz="1100">
                <a:solidFill>
                  <a:schemeClr val="accent3">
                    <a:lumMod val="75000"/>
                  </a:schemeClr>
                </a:solidFill>
                <a:latin typeface="Comic Sans MS" panose="030F0702030302020204" pitchFamily="66" charset="0"/>
              </a:rPr>
              <a:t>Headless Machines</a:t>
            </a:r>
            <a:endParaRPr lang="en-AU" sz="1100">
              <a:solidFill>
                <a:schemeClr val="accent3">
                  <a:lumMod val="75000"/>
                </a:schemeClr>
              </a:solidFill>
              <a:latin typeface="Comic Sans MS" panose="030F0702030302020204" pitchFamily="66" charset="0"/>
            </a:endParaRPr>
          </a:p>
        </p:txBody>
      </p:sp>
      <p:sp>
        <p:nvSpPr>
          <p:cNvPr id="33" name="Thought Bubble: Cloud 32">
            <a:extLst>
              <a:ext uri="{FF2B5EF4-FFF2-40B4-BE49-F238E27FC236}">
                <a16:creationId xmlns:a16="http://schemas.microsoft.com/office/drawing/2014/main" id="{813204E0-38C3-46D9-8D5F-2F5D67F9818B}"/>
              </a:ext>
            </a:extLst>
          </p:cNvPr>
          <p:cNvSpPr/>
          <p:nvPr/>
        </p:nvSpPr>
        <p:spPr>
          <a:xfrm flipH="1">
            <a:off x="3478129" y="4267005"/>
            <a:ext cx="1754235" cy="369201"/>
          </a:xfrm>
          <a:prstGeom prst="cloudCallout">
            <a:avLst/>
          </a:prstGeom>
          <a:solidFill>
            <a:schemeClr val="accent3">
              <a:lumMod val="20000"/>
              <a:lumOff val="80000"/>
            </a:schemeClr>
          </a:solidFill>
          <a:ln>
            <a:solidFill>
              <a:schemeClr val="accent3">
                <a:lumMod val="75000"/>
              </a:schemeClr>
            </a:solidFill>
          </a:ln>
          <a:scene3d>
            <a:camera prst="orthographicFront">
              <a:rot lat="0" lon="21599984" rev="0"/>
            </a:camera>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34" name="TextBox 33">
            <a:extLst>
              <a:ext uri="{FF2B5EF4-FFF2-40B4-BE49-F238E27FC236}">
                <a16:creationId xmlns:a16="http://schemas.microsoft.com/office/drawing/2014/main" id="{AEAC1B59-5A70-42ED-941D-8CD5976D106D}"/>
              </a:ext>
            </a:extLst>
          </p:cNvPr>
          <p:cNvSpPr txBox="1"/>
          <p:nvPr/>
        </p:nvSpPr>
        <p:spPr>
          <a:xfrm rot="108460">
            <a:off x="3668867" y="4281064"/>
            <a:ext cx="1484374" cy="261610"/>
          </a:xfrm>
          <a:prstGeom prst="rect">
            <a:avLst/>
          </a:prstGeom>
          <a:noFill/>
        </p:spPr>
        <p:txBody>
          <a:bodyPr wrap="square">
            <a:spAutoFit/>
          </a:bodyPr>
          <a:lstStyle/>
          <a:p>
            <a:r>
              <a:rPr lang="en-GB" sz="1100">
                <a:solidFill>
                  <a:schemeClr val="accent3">
                    <a:lumMod val="75000"/>
                  </a:schemeClr>
                </a:solidFill>
                <a:latin typeface="Comic Sans MS" panose="030F0702030302020204" pitchFamily="66" charset="0"/>
              </a:rPr>
              <a:t>IoT &amp; Digital Twins</a:t>
            </a:r>
            <a:endParaRPr lang="en-AU" sz="1100">
              <a:solidFill>
                <a:schemeClr val="accent3">
                  <a:lumMod val="75000"/>
                </a:schemeClr>
              </a:solidFill>
              <a:latin typeface="Comic Sans MS" panose="030F0702030302020204" pitchFamily="66" charset="0"/>
            </a:endParaRPr>
          </a:p>
        </p:txBody>
      </p:sp>
      <p:pic>
        <p:nvPicPr>
          <p:cNvPr id="25" name="Picture 2" descr="Welcome to Python.org">
            <a:extLst>
              <a:ext uri="{FF2B5EF4-FFF2-40B4-BE49-F238E27FC236}">
                <a16:creationId xmlns:a16="http://schemas.microsoft.com/office/drawing/2014/main" id="{93AAAB17-64B6-477A-AB4B-64A9DF92F50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651269" y="4270740"/>
            <a:ext cx="652048" cy="652048"/>
          </a:xfrm>
          <a:prstGeom prst="rect">
            <a:avLst/>
          </a:prstGeom>
          <a:noFill/>
          <a:extLst>
            <a:ext uri="{909E8E84-426E-40DD-AFC4-6F175D3DCCD1}">
              <a14:hiddenFill xmlns:a14="http://schemas.microsoft.com/office/drawing/2010/main">
                <a:solidFill>
                  <a:srgbClr val="FFFFFF"/>
                </a:solidFill>
              </a14:hiddenFill>
            </a:ext>
          </a:extLst>
        </p:spPr>
      </p:pic>
      <p:sp>
        <p:nvSpPr>
          <p:cNvPr id="35" name="TextBox 34">
            <a:extLst>
              <a:ext uri="{FF2B5EF4-FFF2-40B4-BE49-F238E27FC236}">
                <a16:creationId xmlns:a16="http://schemas.microsoft.com/office/drawing/2014/main" id="{A10D046A-D44D-4E2F-9CEA-28FABB7B7BB0}"/>
              </a:ext>
            </a:extLst>
          </p:cNvPr>
          <p:cNvSpPr txBox="1"/>
          <p:nvPr/>
        </p:nvSpPr>
        <p:spPr>
          <a:xfrm>
            <a:off x="7262892" y="4432764"/>
            <a:ext cx="992981" cy="307777"/>
          </a:xfrm>
          <a:prstGeom prst="rect">
            <a:avLst/>
          </a:prstGeom>
          <a:noFill/>
        </p:spPr>
        <p:txBody>
          <a:bodyPr wrap="square" rtlCol="0">
            <a:spAutoFit/>
          </a:bodyPr>
          <a:lstStyle/>
          <a:p>
            <a:r>
              <a:rPr lang="en-GB" b="1" dirty="0">
                <a:solidFill>
                  <a:schemeClr val="bg2"/>
                </a:solidFill>
              </a:rPr>
              <a:t>Python</a:t>
            </a:r>
            <a:endParaRPr lang="en-AU" b="1" dirty="0">
              <a:solidFill>
                <a:schemeClr val="bg2"/>
              </a:solidFill>
            </a:endParaRPr>
          </a:p>
        </p:txBody>
      </p:sp>
      <p:pic>
        <p:nvPicPr>
          <p:cNvPr id="36" name="Picture 9" descr="cid:image001.png@01D4E5AD.A85654C0">
            <a:extLst>
              <a:ext uri="{FF2B5EF4-FFF2-40B4-BE49-F238E27FC236}">
                <a16:creationId xmlns:a16="http://schemas.microsoft.com/office/drawing/2014/main" id="{F319C0BF-C4A5-49B6-B590-6DED34E51FE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l="6743" r="6743"/>
          <a:stretch>
            <a:fillRect/>
          </a:stretch>
        </p:blipFill>
        <p:spPr bwMode="auto">
          <a:xfrm>
            <a:off x="6505907" y="2995143"/>
            <a:ext cx="1749966" cy="11890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745406771"/>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25520B-AD8A-4920-B8FC-3F587D18B85B}"/>
              </a:ext>
            </a:extLst>
          </p:cNvPr>
          <p:cNvSpPr>
            <a:spLocks noGrp="1"/>
          </p:cNvSpPr>
          <p:nvPr>
            <p:ph type="title"/>
          </p:nvPr>
        </p:nvSpPr>
        <p:spPr/>
        <p:txBody>
          <a:bodyPr/>
          <a:lstStyle/>
          <a:p>
            <a:r>
              <a:rPr lang="en-GB" dirty="0"/>
              <a:t>Coding Club – Office Support</a:t>
            </a:r>
            <a:endParaRPr lang="en-AU" dirty="0"/>
          </a:p>
        </p:txBody>
      </p:sp>
      <p:sp>
        <p:nvSpPr>
          <p:cNvPr id="3" name="Text Placeholder 2">
            <a:extLst>
              <a:ext uri="{FF2B5EF4-FFF2-40B4-BE49-F238E27FC236}">
                <a16:creationId xmlns:a16="http://schemas.microsoft.com/office/drawing/2014/main" id="{EB388A22-884D-46BD-82E3-6873F645933D}"/>
              </a:ext>
            </a:extLst>
          </p:cNvPr>
          <p:cNvSpPr>
            <a:spLocks noGrp="1"/>
          </p:cNvSpPr>
          <p:nvPr>
            <p:ph type="body" idx="1"/>
          </p:nvPr>
        </p:nvSpPr>
        <p:spPr/>
        <p:txBody>
          <a:bodyPr/>
          <a:lstStyle/>
          <a:p>
            <a:endParaRPr lang="en-AU" dirty="0"/>
          </a:p>
        </p:txBody>
      </p:sp>
      <p:sp>
        <p:nvSpPr>
          <p:cNvPr id="4" name="TextBox 3">
            <a:extLst>
              <a:ext uri="{FF2B5EF4-FFF2-40B4-BE49-F238E27FC236}">
                <a16:creationId xmlns:a16="http://schemas.microsoft.com/office/drawing/2014/main" id="{F7FB9BD1-43F6-467C-AEEB-7142C8278397}"/>
              </a:ext>
            </a:extLst>
          </p:cNvPr>
          <p:cNvSpPr txBox="1"/>
          <p:nvPr/>
        </p:nvSpPr>
        <p:spPr>
          <a:xfrm>
            <a:off x="459905" y="1217396"/>
            <a:ext cx="2651219" cy="954107"/>
          </a:xfrm>
          <a:prstGeom prst="rect">
            <a:avLst/>
          </a:prstGeom>
          <a:noFill/>
        </p:spPr>
        <p:txBody>
          <a:bodyPr wrap="square" rtlCol="0">
            <a:spAutoFit/>
          </a:bodyPr>
          <a:lstStyle/>
          <a:p>
            <a:r>
              <a:rPr lang="en-GB" dirty="0"/>
              <a:t>Adelaide – Benjamin Bleckly</a:t>
            </a:r>
          </a:p>
          <a:p>
            <a:r>
              <a:rPr lang="en-GB" dirty="0"/>
              <a:t>Melbourne – Kalyan Kamepalli</a:t>
            </a:r>
          </a:p>
          <a:p>
            <a:r>
              <a:rPr lang="en-GB" dirty="0"/>
              <a:t>Sydney – Tony Ridley</a:t>
            </a:r>
          </a:p>
          <a:p>
            <a:r>
              <a:rPr lang="en-GB" dirty="0"/>
              <a:t>Brisbane – Andrew Cato</a:t>
            </a:r>
            <a:endParaRPr lang="en-AU" dirty="0"/>
          </a:p>
        </p:txBody>
      </p:sp>
      <p:sp>
        <p:nvSpPr>
          <p:cNvPr id="6" name="Freeform 1844">
            <a:extLst>
              <a:ext uri="{FF2B5EF4-FFF2-40B4-BE49-F238E27FC236}">
                <a16:creationId xmlns:a16="http://schemas.microsoft.com/office/drawing/2014/main" id="{81CC317A-DB31-4ADC-9B23-061E2BB4A25C}"/>
              </a:ext>
            </a:extLst>
          </p:cNvPr>
          <p:cNvSpPr>
            <a:spLocks/>
          </p:cNvSpPr>
          <p:nvPr/>
        </p:nvSpPr>
        <p:spPr bwMode="auto">
          <a:xfrm>
            <a:off x="5606060" y="2666619"/>
            <a:ext cx="2082258" cy="1572769"/>
          </a:xfrm>
          <a:custGeom>
            <a:avLst/>
            <a:gdLst>
              <a:gd name="T0" fmla="*/ 275 w 2607"/>
              <a:gd name="T1" fmla="*/ 669 h 1969"/>
              <a:gd name="T2" fmla="*/ 83 w 2607"/>
              <a:gd name="T3" fmla="*/ 735 h 1969"/>
              <a:gd name="T4" fmla="*/ 34 w 2607"/>
              <a:gd name="T5" fmla="*/ 907 h 1969"/>
              <a:gd name="T6" fmla="*/ 69 w 2607"/>
              <a:gd name="T7" fmla="*/ 1023 h 1969"/>
              <a:gd name="T8" fmla="*/ 11 w 2607"/>
              <a:gd name="T9" fmla="*/ 995 h 1969"/>
              <a:gd name="T10" fmla="*/ 100 w 2607"/>
              <a:gd name="T11" fmla="*/ 1188 h 1969"/>
              <a:gd name="T12" fmla="*/ 185 w 2607"/>
              <a:gd name="T13" fmla="*/ 1436 h 1969"/>
              <a:gd name="T14" fmla="*/ 147 w 2607"/>
              <a:gd name="T15" fmla="*/ 1558 h 1969"/>
              <a:gd name="T16" fmla="*/ 293 w 2607"/>
              <a:gd name="T17" fmla="*/ 1661 h 1969"/>
              <a:gd name="T18" fmla="*/ 526 w 2607"/>
              <a:gd name="T19" fmla="*/ 1575 h 1969"/>
              <a:gd name="T20" fmla="*/ 633 w 2607"/>
              <a:gd name="T21" fmla="*/ 1576 h 1969"/>
              <a:gd name="T22" fmla="*/ 746 w 2607"/>
              <a:gd name="T23" fmla="*/ 1508 h 1969"/>
              <a:gd name="T24" fmla="*/ 1069 w 2607"/>
              <a:gd name="T25" fmla="*/ 1421 h 1969"/>
              <a:gd name="T26" fmla="*/ 1275 w 2607"/>
              <a:gd name="T27" fmla="*/ 1441 h 1969"/>
              <a:gd name="T28" fmla="*/ 1368 w 2607"/>
              <a:gd name="T29" fmla="*/ 1522 h 1969"/>
              <a:gd name="T30" fmla="*/ 1482 w 2607"/>
              <a:gd name="T31" fmla="*/ 1652 h 1969"/>
              <a:gd name="T32" fmla="*/ 1595 w 2607"/>
              <a:gd name="T33" fmla="*/ 1527 h 1969"/>
              <a:gd name="T34" fmla="*/ 1537 w 2607"/>
              <a:gd name="T35" fmla="*/ 1653 h 1969"/>
              <a:gd name="T36" fmla="*/ 1603 w 2607"/>
              <a:gd name="T37" fmla="*/ 1642 h 1969"/>
              <a:gd name="T38" fmla="*/ 1621 w 2607"/>
              <a:gd name="T39" fmla="*/ 1694 h 1969"/>
              <a:gd name="T40" fmla="*/ 1723 w 2607"/>
              <a:gd name="T41" fmla="*/ 1775 h 1969"/>
              <a:gd name="T42" fmla="*/ 1824 w 2607"/>
              <a:gd name="T43" fmla="*/ 1899 h 1969"/>
              <a:gd name="T44" fmla="*/ 1975 w 2607"/>
              <a:gd name="T45" fmla="*/ 1933 h 1969"/>
              <a:gd name="T46" fmla="*/ 2046 w 2607"/>
              <a:gd name="T47" fmla="*/ 1903 h 1969"/>
              <a:gd name="T48" fmla="*/ 2118 w 2607"/>
              <a:gd name="T49" fmla="*/ 1938 h 1969"/>
              <a:gd name="T50" fmla="*/ 2220 w 2607"/>
              <a:gd name="T51" fmla="*/ 1881 h 1969"/>
              <a:gd name="T52" fmla="*/ 2391 w 2607"/>
              <a:gd name="T53" fmla="*/ 1727 h 1969"/>
              <a:gd name="T54" fmla="*/ 2498 w 2607"/>
              <a:gd name="T55" fmla="*/ 1494 h 1969"/>
              <a:gd name="T56" fmla="*/ 2573 w 2607"/>
              <a:gd name="T57" fmla="*/ 1315 h 1969"/>
              <a:gd name="T58" fmla="*/ 2583 w 2607"/>
              <a:gd name="T59" fmla="*/ 1127 h 1969"/>
              <a:gd name="T60" fmla="*/ 2589 w 2607"/>
              <a:gd name="T61" fmla="*/ 950 h 1969"/>
              <a:gd name="T62" fmla="*/ 2504 w 2607"/>
              <a:gd name="T63" fmla="*/ 912 h 1969"/>
              <a:gd name="T64" fmla="*/ 2429 w 2607"/>
              <a:gd name="T65" fmla="*/ 793 h 1969"/>
              <a:gd name="T66" fmla="*/ 2338 w 2607"/>
              <a:gd name="T67" fmla="*/ 734 h 1969"/>
              <a:gd name="T68" fmla="*/ 2271 w 2607"/>
              <a:gd name="T69" fmla="*/ 625 h 1969"/>
              <a:gd name="T70" fmla="*/ 2132 w 2607"/>
              <a:gd name="T71" fmla="*/ 505 h 1969"/>
              <a:gd name="T72" fmla="*/ 2080 w 2607"/>
              <a:gd name="T73" fmla="*/ 374 h 1969"/>
              <a:gd name="T74" fmla="*/ 1994 w 2607"/>
              <a:gd name="T75" fmla="*/ 248 h 1969"/>
              <a:gd name="T76" fmla="*/ 1934 w 2607"/>
              <a:gd name="T77" fmla="*/ 106 h 1969"/>
              <a:gd name="T78" fmla="*/ 1868 w 2607"/>
              <a:gd name="T79" fmla="*/ 37 h 1969"/>
              <a:gd name="T80" fmla="*/ 1842 w 2607"/>
              <a:gd name="T81" fmla="*/ 152 h 1969"/>
              <a:gd name="T82" fmla="*/ 1830 w 2607"/>
              <a:gd name="T83" fmla="*/ 273 h 1969"/>
              <a:gd name="T84" fmla="*/ 1792 w 2607"/>
              <a:gd name="T85" fmla="*/ 420 h 1969"/>
              <a:gd name="T86" fmla="*/ 1609 w 2607"/>
              <a:gd name="T87" fmla="*/ 384 h 1969"/>
              <a:gd name="T88" fmla="*/ 1483 w 2607"/>
              <a:gd name="T89" fmla="*/ 300 h 1969"/>
              <a:gd name="T90" fmla="*/ 1475 w 2607"/>
              <a:gd name="T91" fmla="*/ 190 h 1969"/>
              <a:gd name="T92" fmla="*/ 1536 w 2607"/>
              <a:gd name="T93" fmla="*/ 105 h 1969"/>
              <a:gd name="T94" fmla="*/ 1472 w 2607"/>
              <a:gd name="T95" fmla="*/ 102 h 1969"/>
              <a:gd name="T96" fmla="*/ 1340 w 2607"/>
              <a:gd name="T97" fmla="*/ 74 h 1969"/>
              <a:gd name="T98" fmla="*/ 1194 w 2607"/>
              <a:gd name="T99" fmla="*/ 106 h 1969"/>
              <a:gd name="T100" fmla="*/ 1097 w 2607"/>
              <a:gd name="T101" fmla="*/ 190 h 1969"/>
              <a:gd name="T102" fmla="*/ 1057 w 2607"/>
              <a:gd name="T103" fmla="*/ 288 h 1969"/>
              <a:gd name="T104" fmla="*/ 977 w 2607"/>
              <a:gd name="T105" fmla="*/ 260 h 1969"/>
              <a:gd name="T106" fmla="*/ 882 w 2607"/>
              <a:gd name="T107" fmla="*/ 227 h 1969"/>
              <a:gd name="T108" fmla="*/ 817 w 2607"/>
              <a:gd name="T109" fmla="*/ 249 h 1969"/>
              <a:gd name="T110" fmla="*/ 764 w 2607"/>
              <a:gd name="T111" fmla="*/ 300 h 1969"/>
              <a:gd name="T112" fmla="*/ 736 w 2607"/>
              <a:gd name="T113" fmla="*/ 374 h 1969"/>
              <a:gd name="T114" fmla="*/ 688 w 2607"/>
              <a:gd name="T115" fmla="*/ 383 h 1969"/>
              <a:gd name="T116" fmla="*/ 663 w 2607"/>
              <a:gd name="T117" fmla="*/ 414 h 1969"/>
              <a:gd name="T118" fmla="*/ 607 w 2607"/>
              <a:gd name="T119" fmla="*/ 422 h 1969"/>
              <a:gd name="T120" fmla="*/ 554 w 2607"/>
              <a:gd name="T121" fmla="*/ 548 h 19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607" h="1969">
                <a:moveTo>
                  <a:pt x="463" y="615"/>
                </a:moveTo>
                <a:cubicBezTo>
                  <a:pt x="463" y="615"/>
                  <a:pt x="439" y="621"/>
                  <a:pt x="415" y="621"/>
                </a:cubicBezTo>
                <a:cubicBezTo>
                  <a:pt x="391" y="621"/>
                  <a:pt x="385" y="625"/>
                  <a:pt x="369" y="635"/>
                </a:cubicBezTo>
                <a:cubicBezTo>
                  <a:pt x="353" y="645"/>
                  <a:pt x="333" y="633"/>
                  <a:pt x="323" y="649"/>
                </a:cubicBezTo>
                <a:cubicBezTo>
                  <a:pt x="313" y="665"/>
                  <a:pt x="301" y="673"/>
                  <a:pt x="275" y="669"/>
                </a:cubicBezTo>
                <a:cubicBezTo>
                  <a:pt x="249" y="665"/>
                  <a:pt x="221" y="667"/>
                  <a:pt x="209" y="681"/>
                </a:cubicBezTo>
                <a:cubicBezTo>
                  <a:pt x="197" y="695"/>
                  <a:pt x="193" y="699"/>
                  <a:pt x="169" y="713"/>
                </a:cubicBezTo>
                <a:cubicBezTo>
                  <a:pt x="145" y="727"/>
                  <a:pt x="117" y="743"/>
                  <a:pt x="109" y="761"/>
                </a:cubicBezTo>
                <a:cubicBezTo>
                  <a:pt x="101" y="779"/>
                  <a:pt x="87" y="787"/>
                  <a:pt x="85" y="773"/>
                </a:cubicBezTo>
                <a:cubicBezTo>
                  <a:pt x="83" y="759"/>
                  <a:pt x="99" y="731"/>
                  <a:pt x="83" y="735"/>
                </a:cubicBezTo>
                <a:cubicBezTo>
                  <a:pt x="67" y="739"/>
                  <a:pt x="63" y="743"/>
                  <a:pt x="63" y="763"/>
                </a:cubicBezTo>
                <a:cubicBezTo>
                  <a:pt x="63" y="783"/>
                  <a:pt x="41" y="783"/>
                  <a:pt x="51" y="801"/>
                </a:cubicBezTo>
                <a:cubicBezTo>
                  <a:pt x="61" y="819"/>
                  <a:pt x="59" y="798"/>
                  <a:pt x="61" y="819"/>
                </a:cubicBezTo>
                <a:cubicBezTo>
                  <a:pt x="63" y="840"/>
                  <a:pt x="54" y="857"/>
                  <a:pt x="46" y="870"/>
                </a:cubicBezTo>
                <a:cubicBezTo>
                  <a:pt x="38" y="883"/>
                  <a:pt x="34" y="894"/>
                  <a:pt x="34" y="907"/>
                </a:cubicBezTo>
                <a:cubicBezTo>
                  <a:pt x="34" y="920"/>
                  <a:pt x="49" y="934"/>
                  <a:pt x="54" y="950"/>
                </a:cubicBezTo>
                <a:cubicBezTo>
                  <a:pt x="59" y="966"/>
                  <a:pt x="70" y="980"/>
                  <a:pt x="73" y="989"/>
                </a:cubicBezTo>
                <a:cubicBezTo>
                  <a:pt x="76" y="998"/>
                  <a:pt x="86" y="994"/>
                  <a:pt x="87" y="1015"/>
                </a:cubicBezTo>
                <a:cubicBezTo>
                  <a:pt x="88" y="1036"/>
                  <a:pt x="88" y="1055"/>
                  <a:pt x="79" y="1049"/>
                </a:cubicBezTo>
                <a:cubicBezTo>
                  <a:pt x="70" y="1043"/>
                  <a:pt x="77" y="1034"/>
                  <a:pt x="69" y="1023"/>
                </a:cubicBezTo>
                <a:cubicBezTo>
                  <a:pt x="61" y="1012"/>
                  <a:pt x="57" y="1003"/>
                  <a:pt x="49" y="1002"/>
                </a:cubicBezTo>
                <a:cubicBezTo>
                  <a:pt x="41" y="1001"/>
                  <a:pt x="38" y="1012"/>
                  <a:pt x="47" y="1020"/>
                </a:cubicBezTo>
                <a:cubicBezTo>
                  <a:pt x="56" y="1028"/>
                  <a:pt x="60" y="1041"/>
                  <a:pt x="60" y="1048"/>
                </a:cubicBezTo>
                <a:cubicBezTo>
                  <a:pt x="60" y="1055"/>
                  <a:pt x="62" y="1077"/>
                  <a:pt x="43" y="1043"/>
                </a:cubicBezTo>
                <a:cubicBezTo>
                  <a:pt x="24" y="1009"/>
                  <a:pt x="15" y="1002"/>
                  <a:pt x="11" y="995"/>
                </a:cubicBezTo>
                <a:cubicBezTo>
                  <a:pt x="7" y="988"/>
                  <a:pt x="0" y="979"/>
                  <a:pt x="12" y="1009"/>
                </a:cubicBezTo>
                <a:cubicBezTo>
                  <a:pt x="24" y="1039"/>
                  <a:pt x="30" y="1056"/>
                  <a:pt x="45" y="1070"/>
                </a:cubicBezTo>
                <a:cubicBezTo>
                  <a:pt x="60" y="1084"/>
                  <a:pt x="70" y="1094"/>
                  <a:pt x="74" y="1118"/>
                </a:cubicBezTo>
                <a:cubicBezTo>
                  <a:pt x="78" y="1142"/>
                  <a:pt x="81" y="1136"/>
                  <a:pt x="82" y="1150"/>
                </a:cubicBezTo>
                <a:cubicBezTo>
                  <a:pt x="83" y="1164"/>
                  <a:pt x="94" y="1174"/>
                  <a:pt x="100" y="1188"/>
                </a:cubicBezTo>
                <a:cubicBezTo>
                  <a:pt x="106" y="1202"/>
                  <a:pt x="118" y="1227"/>
                  <a:pt x="125" y="1236"/>
                </a:cubicBezTo>
                <a:cubicBezTo>
                  <a:pt x="132" y="1245"/>
                  <a:pt x="139" y="1258"/>
                  <a:pt x="140" y="1281"/>
                </a:cubicBezTo>
                <a:cubicBezTo>
                  <a:pt x="141" y="1304"/>
                  <a:pt x="142" y="1344"/>
                  <a:pt x="152" y="1355"/>
                </a:cubicBezTo>
                <a:cubicBezTo>
                  <a:pt x="162" y="1366"/>
                  <a:pt x="170" y="1387"/>
                  <a:pt x="175" y="1398"/>
                </a:cubicBezTo>
                <a:cubicBezTo>
                  <a:pt x="180" y="1409"/>
                  <a:pt x="183" y="1427"/>
                  <a:pt x="185" y="1436"/>
                </a:cubicBezTo>
                <a:cubicBezTo>
                  <a:pt x="187" y="1445"/>
                  <a:pt x="184" y="1462"/>
                  <a:pt x="180" y="1471"/>
                </a:cubicBezTo>
                <a:cubicBezTo>
                  <a:pt x="176" y="1480"/>
                  <a:pt x="169" y="1491"/>
                  <a:pt x="181" y="1506"/>
                </a:cubicBezTo>
                <a:cubicBezTo>
                  <a:pt x="193" y="1521"/>
                  <a:pt x="194" y="1521"/>
                  <a:pt x="184" y="1530"/>
                </a:cubicBezTo>
                <a:cubicBezTo>
                  <a:pt x="174" y="1539"/>
                  <a:pt x="169" y="1544"/>
                  <a:pt x="167" y="1551"/>
                </a:cubicBezTo>
                <a:cubicBezTo>
                  <a:pt x="165" y="1558"/>
                  <a:pt x="158" y="1558"/>
                  <a:pt x="147" y="1558"/>
                </a:cubicBezTo>
                <a:cubicBezTo>
                  <a:pt x="136" y="1558"/>
                  <a:pt x="133" y="1560"/>
                  <a:pt x="137" y="1578"/>
                </a:cubicBezTo>
                <a:cubicBezTo>
                  <a:pt x="141" y="1596"/>
                  <a:pt x="136" y="1599"/>
                  <a:pt x="154" y="1607"/>
                </a:cubicBezTo>
                <a:cubicBezTo>
                  <a:pt x="172" y="1615"/>
                  <a:pt x="184" y="1613"/>
                  <a:pt x="195" y="1630"/>
                </a:cubicBezTo>
                <a:cubicBezTo>
                  <a:pt x="206" y="1647"/>
                  <a:pt x="215" y="1654"/>
                  <a:pt x="236" y="1658"/>
                </a:cubicBezTo>
                <a:cubicBezTo>
                  <a:pt x="257" y="1662"/>
                  <a:pt x="277" y="1661"/>
                  <a:pt x="293" y="1661"/>
                </a:cubicBezTo>
                <a:cubicBezTo>
                  <a:pt x="309" y="1661"/>
                  <a:pt x="336" y="1664"/>
                  <a:pt x="353" y="1651"/>
                </a:cubicBezTo>
                <a:cubicBezTo>
                  <a:pt x="370" y="1638"/>
                  <a:pt x="371" y="1618"/>
                  <a:pt x="387" y="1618"/>
                </a:cubicBezTo>
                <a:cubicBezTo>
                  <a:pt x="403" y="1618"/>
                  <a:pt x="424" y="1627"/>
                  <a:pt x="432" y="1605"/>
                </a:cubicBezTo>
                <a:cubicBezTo>
                  <a:pt x="440" y="1583"/>
                  <a:pt x="451" y="1578"/>
                  <a:pt x="477" y="1578"/>
                </a:cubicBezTo>
                <a:cubicBezTo>
                  <a:pt x="503" y="1578"/>
                  <a:pt x="515" y="1582"/>
                  <a:pt x="526" y="1575"/>
                </a:cubicBezTo>
                <a:cubicBezTo>
                  <a:pt x="537" y="1568"/>
                  <a:pt x="539" y="1567"/>
                  <a:pt x="547" y="1573"/>
                </a:cubicBezTo>
                <a:cubicBezTo>
                  <a:pt x="555" y="1579"/>
                  <a:pt x="557" y="1579"/>
                  <a:pt x="568" y="1578"/>
                </a:cubicBezTo>
                <a:cubicBezTo>
                  <a:pt x="579" y="1577"/>
                  <a:pt x="587" y="1579"/>
                  <a:pt x="592" y="1584"/>
                </a:cubicBezTo>
                <a:cubicBezTo>
                  <a:pt x="597" y="1589"/>
                  <a:pt x="611" y="1590"/>
                  <a:pt x="621" y="1587"/>
                </a:cubicBezTo>
                <a:cubicBezTo>
                  <a:pt x="631" y="1584"/>
                  <a:pt x="624" y="1576"/>
                  <a:pt x="633" y="1576"/>
                </a:cubicBezTo>
                <a:cubicBezTo>
                  <a:pt x="642" y="1576"/>
                  <a:pt x="643" y="1575"/>
                  <a:pt x="647" y="1581"/>
                </a:cubicBezTo>
                <a:cubicBezTo>
                  <a:pt x="651" y="1587"/>
                  <a:pt x="663" y="1587"/>
                  <a:pt x="670" y="1585"/>
                </a:cubicBezTo>
                <a:cubicBezTo>
                  <a:pt x="677" y="1583"/>
                  <a:pt x="678" y="1574"/>
                  <a:pt x="688" y="1575"/>
                </a:cubicBezTo>
                <a:cubicBezTo>
                  <a:pt x="698" y="1576"/>
                  <a:pt x="714" y="1562"/>
                  <a:pt x="717" y="1545"/>
                </a:cubicBezTo>
                <a:cubicBezTo>
                  <a:pt x="720" y="1528"/>
                  <a:pt x="732" y="1512"/>
                  <a:pt x="746" y="1508"/>
                </a:cubicBezTo>
                <a:cubicBezTo>
                  <a:pt x="760" y="1504"/>
                  <a:pt x="813" y="1487"/>
                  <a:pt x="821" y="1475"/>
                </a:cubicBezTo>
                <a:cubicBezTo>
                  <a:pt x="829" y="1463"/>
                  <a:pt x="831" y="1460"/>
                  <a:pt x="858" y="1460"/>
                </a:cubicBezTo>
                <a:cubicBezTo>
                  <a:pt x="885" y="1460"/>
                  <a:pt x="958" y="1458"/>
                  <a:pt x="972" y="1450"/>
                </a:cubicBezTo>
                <a:cubicBezTo>
                  <a:pt x="986" y="1442"/>
                  <a:pt x="1005" y="1431"/>
                  <a:pt x="1020" y="1427"/>
                </a:cubicBezTo>
                <a:cubicBezTo>
                  <a:pt x="1035" y="1423"/>
                  <a:pt x="1039" y="1421"/>
                  <a:pt x="1069" y="1421"/>
                </a:cubicBezTo>
                <a:cubicBezTo>
                  <a:pt x="1099" y="1421"/>
                  <a:pt x="1088" y="1416"/>
                  <a:pt x="1128" y="1416"/>
                </a:cubicBezTo>
                <a:cubicBezTo>
                  <a:pt x="1168" y="1416"/>
                  <a:pt x="1183" y="1400"/>
                  <a:pt x="1199" y="1416"/>
                </a:cubicBezTo>
                <a:cubicBezTo>
                  <a:pt x="1215" y="1432"/>
                  <a:pt x="1225" y="1428"/>
                  <a:pt x="1225" y="1440"/>
                </a:cubicBezTo>
                <a:cubicBezTo>
                  <a:pt x="1225" y="1452"/>
                  <a:pt x="1238" y="1446"/>
                  <a:pt x="1245" y="1443"/>
                </a:cubicBezTo>
                <a:cubicBezTo>
                  <a:pt x="1252" y="1440"/>
                  <a:pt x="1267" y="1437"/>
                  <a:pt x="1275" y="1441"/>
                </a:cubicBezTo>
                <a:cubicBezTo>
                  <a:pt x="1283" y="1445"/>
                  <a:pt x="1279" y="1454"/>
                  <a:pt x="1294" y="1458"/>
                </a:cubicBezTo>
                <a:cubicBezTo>
                  <a:pt x="1309" y="1462"/>
                  <a:pt x="1324" y="1452"/>
                  <a:pt x="1331" y="1462"/>
                </a:cubicBezTo>
                <a:cubicBezTo>
                  <a:pt x="1338" y="1472"/>
                  <a:pt x="1339" y="1471"/>
                  <a:pt x="1343" y="1480"/>
                </a:cubicBezTo>
                <a:cubicBezTo>
                  <a:pt x="1347" y="1489"/>
                  <a:pt x="1360" y="1469"/>
                  <a:pt x="1360" y="1486"/>
                </a:cubicBezTo>
                <a:cubicBezTo>
                  <a:pt x="1360" y="1503"/>
                  <a:pt x="1356" y="1517"/>
                  <a:pt x="1368" y="1522"/>
                </a:cubicBezTo>
                <a:cubicBezTo>
                  <a:pt x="1380" y="1527"/>
                  <a:pt x="1400" y="1536"/>
                  <a:pt x="1404" y="1546"/>
                </a:cubicBezTo>
                <a:cubicBezTo>
                  <a:pt x="1408" y="1556"/>
                  <a:pt x="1414" y="1561"/>
                  <a:pt x="1420" y="1584"/>
                </a:cubicBezTo>
                <a:cubicBezTo>
                  <a:pt x="1426" y="1607"/>
                  <a:pt x="1431" y="1603"/>
                  <a:pt x="1436" y="1627"/>
                </a:cubicBezTo>
                <a:cubicBezTo>
                  <a:pt x="1441" y="1651"/>
                  <a:pt x="1441" y="1652"/>
                  <a:pt x="1453" y="1653"/>
                </a:cubicBezTo>
                <a:cubicBezTo>
                  <a:pt x="1465" y="1654"/>
                  <a:pt x="1483" y="1664"/>
                  <a:pt x="1482" y="1652"/>
                </a:cubicBezTo>
                <a:cubicBezTo>
                  <a:pt x="1481" y="1640"/>
                  <a:pt x="1464" y="1637"/>
                  <a:pt x="1479" y="1627"/>
                </a:cubicBezTo>
                <a:cubicBezTo>
                  <a:pt x="1494" y="1617"/>
                  <a:pt x="1514" y="1599"/>
                  <a:pt x="1525" y="1583"/>
                </a:cubicBezTo>
                <a:cubicBezTo>
                  <a:pt x="1536" y="1567"/>
                  <a:pt x="1565" y="1561"/>
                  <a:pt x="1569" y="1543"/>
                </a:cubicBezTo>
                <a:cubicBezTo>
                  <a:pt x="1573" y="1525"/>
                  <a:pt x="1579" y="1525"/>
                  <a:pt x="1584" y="1521"/>
                </a:cubicBezTo>
                <a:cubicBezTo>
                  <a:pt x="1589" y="1517"/>
                  <a:pt x="1595" y="1507"/>
                  <a:pt x="1595" y="1527"/>
                </a:cubicBezTo>
                <a:cubicBezTo>
                  <a:pt x="1595" y="1547"/>
                  <a:pt x="1601" y="1555"/>
                  <a:pt x="1590" y="1563"/>
                </a:cubicBezTo>
                <a:cubicBezTo>
                  <a:pt x="1579" y="1571"/>
                  <a:pt x="1577" y="1574"/>
                  <a:pt x="1577" y="1583"/>
                </a:cubicBezTo>
                <a:cubicBezTo>
                  <a:pt x="1577" y="1592"/>
                  <a:pt x="1566" y="1588"/>
                  <a:pt x="1566" y="1600"/>
                </a:cubicBezTo>
                <a:cubicBezTo>
                  <a:pt x="1566" y="1612"/>
                  <a:pt x="1580" y="1637"/>
                  <a:pt x="1566" y="1641"/>
                </a:cubicBezTo>
                <a:cubicBezTo>
                  <a:pt x="1552" y="1645"/>
                  <a:pt x="1539" y="1639"/>
                  <a:pt x="1537" y="1653"/>
                </a:cubicBezTo>
                <a:cubicBezTo>
                  <a:pt x="1535" y="1667"/>
                  <a:pt x="1546" y="1665"/>
                  <a:pt x="1535" y="1667"/>
                </a:cubicBezTo>
                <a:cubicBezTo>
                  <a:pt x="1524" y="1669"/>
                  <a:pt x="1523" y="1675"/>
                  <a:pt x="1533" y="1677"/>
                </a:cubicBezTo>
                <a:cubicBezTo>
                  <a:pt x="1543" y="1679"/>
                  <a:pt x="1547" y="1680"/>
                  <a:pt x="1552" y="1669"/>
                </a:cubicBezTo>
                <a:cubicBezTo>
                  <a:pt x="1557" y="1658"/>
                  <a:pt x="1588" y="1683"/>
                  <a:pt x="1593" y="1665"/>
                </a:cubicBezTo>
                <a:cubicBezTo>
                  <a:pt x="1598" y="1647"/>
                  <a:pt x="1603" y="1660"/>
                  <a:pt x="1603" y="1642"/>
                </a:cubicBezTo>
                <a:cubicBezTo>
                  <a:pt x="1603" y="1624"/>
                  <a:pt x="1591" y="1613"/>
                  <a:pt x="1608" y="1613"/>
                </a:cubicBezTo>
                <a:cubicBezTo>
                  <a:pt x="1625" y="1613"/>
                  <a:pt x="1614" y="1607"/>
                  <a:pt x="1623" y="1620"/>
                </a:cubicBezTo>
                <a:cubicBezTo>
                  <a:pt x="1632" y="1633"/>
                  <a:pt x="1636" y="1633"/>
                  <a:pt x="1634" y="1648"/>
                </a:cubicBezTo>
                <a:cubicBezTo>
                  <a:pt x="1632" y="1663"/>
                  <a:pt x="1623" y="1662"/>
                  <a:pt x="1626" y="1671"/>
                </a:cubicBezTo>
                <a:cubicBezTo>
                  <a:pt x="1629" y="1680"/>
                  <a:pt x="1626" y="1686"/>
                  <a:pt x="1621" y="1694"/>
                </a:cubicBezTo>
                <a:cubicBezTo>
                  <a:pt x="1616" y="1702"/>
                  <a:pt x="1619" y="1705"/>
                  <a:pt x="1639" y="1702"/>
                </a:cubicBezTo>
                <a:cubicBezTo>
                  <a:pt x="1659" y="1699"/>
                  <a:pt x="1661" y="1689"/>
                  <a:pt x="1671" y="1702"/>
                </a:cubicBezTo>
                <a:cubicBezTo>
                  <a:pt x="1681" y="1715"/>
                  <a:pt x="1676" y="1721"/>
                  <a:pt x="1691" y="1725"/>
                </a:cubicBezTo>
                <a:cubicBezTo>
                  <a:pt x="1706" y="1729"/>
                  <a:pt x="1706" y="1735"/>
                  <a:pt x="1711" y="1748"/>
                </a:cubicBezTo>
                <a:cubicBezTo>
                  <a:pt x="1716" y="1761"/>
                  <a:pt x="1724" y="1759"/>
                  <a:pt x="1723" y="1775"/>
                </a:cubicBezTo>
                <a:cubicBezTo>
                  <a:pt x="1722" y="1791"/>
                  <a:pt x="1709" y="1778"/>
                  <a:pt x="1713" y="1798"/>
                </a:cubicBezTo>
                <a:cubicBezTo>
                  <a:pt x="1717" y="1818"/>
                  <a:pt x="1717" y="1830"/>
                  <a:pt x="1730" y="1839"/>
                </a:cubicBezTo>
                <a:cubicBezTo>
                  <a:pt x="1743" y="1848"/>
                  <a:pt x="1745" y="1851"/>
                  <a:pt x="1751" y="1863"/>
                </a:cubicBezTo>
                <a:cubicBezTo>
                  <a:pt x="1757" y="1875"/>
                  <a:pt x="1768" y="1873"/>
                  <a:pt x="1782" y="1878"/>
                </a:cubicBezTo>
                <a:cubicBezTo>
                  <a:pt x="1796" y="1883"/>
                  <a:pt x="1814" y="1890"/>
                  <a:pt x="1824" y="1899"/>
                </a:cubicBezTo>
                <a:cubicBezTo>
                  <a:pt x="1834" y="1908"/>
                  <a:pt x="1828" y="1904"/>
                  <a:pt x="1838" y="1898"/>
                </a:cubicBezTo>
                <a:cubicBezTo>
                  <a:pt x="1848" y="1892"/>
                  <a:pt x="1858" y="1897"/>
                  <a:pt x="1871" y="1902"/>
                </a:cubicBezTo>
                <a:cubicBezTo>
                  <a:pt x="1884" y="1907"/>
                  <a:pt x="1893" y="1907"/>
                  <a:pt x="1907" y="1907"/>
                </a:cubicBezTo>
                <a:cubicBezTo>
                  <a:pt x="1921" y="1907"/>
                  <a:pt x="1928" y="1914"/>
                  <a:pt x="1941" y="1926"/>
                </a:cubicBezTo>
                <a:cubicBezTo>
                  <a:pt x="1954" y="1938"/>
                  <a:pt x="1966" y="1948"/>
                  <a:pt x="1975" y="1933"/>
                </a:cubicBezTo>
                <a:cubicBezTo>
                  <a:pt x="1984" y="1918"/>
                  <a:pt x="2000" y="1915"/>
                  <a:pt x="2006" y="1911"/>
                </a:cubicBezTo>
                <a:cubicBezTo>
                  <a:pt x="2012" y="1907"/>
                  <a:pt x="2021" y="1906"/>
                  <a:pt x="2024" y="1892"/>
                </a:cubicBezTo>
                <a:cubicBezTo>
                  <a:pt x="2027" y="1878"/>
                  <a:pt x="2025" y="1874"/>
                  <a:pt x="2038" y="1874"/>
                </a:cubicBezTo>
                <a:cubicBezTo>
                  <a:pt x="2051" y="1874"/>
                  <a:pt x="2057" y="1868"/>
                  <a:pt x="2055" y="1880"/>
                </a:cubicBezTo>
                <a:cubicBezTo>
                  <a:pt x="2053" y="1892"/>
                  <a:pt x="2041" y="1897"/>
                  <a:pt x="2046" y="1903"/>
                </a:cubicBezTo>
                <a:cubicBezTo>
                  <a:pt x="2051" y="1909"/>
                  <a:pt x="2053" y="1913"/>
                  <a:pt x="2059" y="1910"/>
                </a:cubicBezTo>
                <a:cubicBezTo>
                  <a:pt x="2065" y="1907"/>
                  <a:pt x="2067" y="1906"/>
                  <a:pt x="2070" y="1898"/>
                </a:cubicBezTo>
                <a:cubicBezTo>
                  <a:pt x="2073" y="1890"/>
                  <a:pt x="2079" y="1886"/>
                  <a:pt x="2082" y="1895"/>
                </a:cubicBezTo>
                <a:cubicBezTo>
                  <a:pt x="2085" y="1904"/>
                  <a:pt x="2075" y="1910"/>
                  <a:pt x="2083" y="1916"/>
                </a:cubicBezTo>
                <a:cubicBezTo>
                  <a:pt x="2091" y="1922"/>
                  <a:pt x="2109" y="1931"/>
                  <a:pt x="2118" y="1938"/>
                </a:cubicBezTo>
                <a:cubicBezTo>
                  <a:pt x="2127" y="1945"/>
                  <a:pt x="2131" y="1941"/>
                  <a:pt x="2136" y="1955"/>
                </a:cubicBezTo>
                <a:cubicBezTo>
                  <a:pt x="2141" y="1969"/>
                  <a:pt x="2148" y="1964"/>
                  <a:pt x="2149" y="1950"/>
                </a:cubicBezTo>
                <a:cubicBezTo>
                  <a:pt x="2150" y="1936"/>
                  <a:pt x="2142" y="1925"/>
                  <a:pt x="2157" y="1926"/>
                </a:cubicBezTo>
                <a:cubicBezTo>
                  <a:pt x="2172" y="1927"/>
                  <a:pt x="2186" y="1929"/>
                  <a:pt x="2194" y="1911"/>
                </a:cubicBezTo>
                <a:cubicBezTo>
                  <a:pt x="2202" y="1893"/>
                  <a:pt x="2207" y="1888"/>
                  <a:pt x="2220" y="1881"/>
                </a:cubicBezTo>
                <a:cubicBezTo>
                  <a:pt x="2233" y="1874"/>
                  <a:pt x="2269" y="1854"/>
                  <a:pt x="2297" y="1857"/>
                </a:cubicBezTo>
                <a:cubicBezTo>
                  <a:pt x="2325" y="1860"/>
                  <a:pt x="2351" y="1858"/>
                  <a:pt x="2355" y="1852"/>
                </a:cubicBezTo>
                <a:cubicBezTo>
                  <a:pt x="2359" y="1846"/>
                  <a:pt x="2375" y="1857"/>
                  <a:pt x="2375" y="1830"/>
                </a:cubicBezTo>
                <a:cubicBezTo>
                  <a:pt x="2375" y="1803"/>
                  <a:pt x="2371" y="1770"/>
                  <a:pt x="2380" y="1754"/>
                </a:cubicBezTo>
                <a:cubicBezTo>
                  <a:pt x="2389" y="1738"/>
                  <a:pt x="2390" y="1741"/>
                  <a:pt x="2391" y="1727"/>
                </a:cubicBezTo>
                <a:cubicBezTo>
                  <a:pt x="2392" y="1713"/>
                  <a:pt x="2392" y="1705"/>
                  <a:pt x="2400" y="1690"/>
                </a:cubicBezTo>
                <a:cubicBezTo>
                  <a:pt x="2408" y="1675"/>
                  <a:pt x="2427" y="1683"/>
                  <a:pt x="2428" y="1656"/>
                </a:cubicBezTo>
                <a:cubicBezTo>
                  <a:pt x="2429" y="1629"/>
                  <a:pt x="2428" y="1620"/>
                  <a:pt x="2440" y="1599"/>
                </a:cubicBezTo>
                <a:cubicBezTo>
                  <a:pt x="2452" y="1578"/>
                  <a:pt x="2456" y="1582"/>
                  <a:pt x="2464" y="1561"/>
                </a:cubicBezTo>
                <a:cubicBezTo>
                  <a:pt x="2472" y="1540"/>
                  <a:pt x="2484" y="1499"/>
                  <a:pt x="2498" y="1494"/>
                </a:cubicBezTo>
                <a:cubicBezTo>
                  <a:pt x="2512" y="1489"/>
                  <a:pt x="2535" y="1493"/>
                  <a:pt x="2535" y="1473"/>
                </a:cubicBezTo>
                <a:cubicBezTo>
                  <a:pt x="2535" y="1453"/>
                  <a:pt x="2534" y="1442"/>
                  <a:pt x="2546" y="1435"/>
                </a:cubicBezTo>
                <a:cubicBezTo>
                  <a:pt x="2558" y="1428"/>
                  <a:pt x="2558" y="1430"/>
                  <a:pt x="2560" y="1409"/>
                </a:cubicBezTo>
                <a:cubicBezTo>
                  <a:pt x="2562" y="1388"/>
                  <a:pt x="2570" y="1400"/>
                  <a:pt x="2571" y="1371"/>
                </a:cubicBezTo>
                <a:cubicBezTo>
                  <a:pt x="2572" y="1342"/>
                  <a:pt x="2564" y="1340"/>
                  <a:pt x="2573" y="1315"/>
                </a:cubicBezTo>
                <a:cubicBezTo>
                  <a:pt x="2582" y="1290"/>
                  <a:pt x="2588" y="1280"/>
                  <a:pt x="2588" y="1261"/>
                </a:cubicBezTo>
                <a:cubicBezTo>
                  <a:pt x="2588" y="1242"/>
                  <a:pt x="2583" y="1239"/>
                  <a:pt x="2595" y="1228"/>
                </a:cubicBezTo>
                <a:cubicBezTo>
                  <a:pt x="2607" y="1217"/>
                  <a:pt x="2604" y="1210"/>
                  <a:pt x="2603" y="1192"/>
                </a:cubicBezTo>
                <a:cubicBezTo>
                  <a:pt x="2602" y="1174"/>
                  <a:pt x="2607" y="1173"/>
                  <a:pt x="2596" y="1159"/>
                </a:cubicBezTo>
                <a:cubicBezTo>
                  <a:pt x="2585" y="1145"/>
                  <a:pt x="2596" y="1139"/>
                  <a:pt x="2583" y="1127"/>
                </a:cubicBezTo>
                <a:cubicBezTo>
                  <a:pt x="2570" y="1115"/>
                  <a:pt x="2570" y="1096"/>
                  <a:pt x="2574" y="1076"/>
                </a:cubicBezTo>
                <a:cubicBezTo>
                  <a:pt x="2578" y="1056"/>
                  <a:pt x="2564" y="1043"/>
                  <a:pt x="2571" y="1031"/>
                </a:cubicBezTo>
                <a:cubicBezTo>
                  <a:pt x="2578" y="1019"/>
                  <a:pt x="2582" y="1026"/>
                  <a:pt x="2579" y="1012"/>
                </a:cubicBezTo>
                <a:cubicBezTo>
                  <a:pt x="2576" y="998"/>
                  <a:pt x="2575" y="993"/>
                  <a:pt x="2584" y="980"/>
                </a:cubicBezTo>
                <a:cubicBezTo>
                  <a:pt x="2593" y="967"/>
                  <a:pt x="2589" y="963"/>
                  <a:pt x="2589" y="950"/>
                </a:cubicBezTo>
                <a:cubicBezTo>
                  <a:pt x="2589" y="937"/>
                  <a:pt x="2576" y="933"/>
                  <a:pt x="2576" y="946"/>
                </a:cubicBezTo>
                <a:cubicBezTo>
                  <a:pt x="2576" y="959"/>
                  <a:pt x="2573" y="961"/>
                  <a:pt x="2567" y="965"/>
                </a:cubicBezTo>
                <a:cubicBezTo>
                  <a:pt x="2561" y="969"/>
                  <a:pt x="2567" y="992"/>
                  <a:pt x="2553" y="977"/>
                </a:cubicBezTo>
                <a:cubicBezTo>
                  <a:pt x="2539" y="962"/>
                  <a:pt x="2542" y="934"/>
                  <a:pt x="2525" y="933"/>
                </a:cubicBezTo>
                <a:cubicBezTo>
                  <a:pt x="2508" y="932"/>
                  <a:pt x="2507" y="930"/>
                  <a:pt x="2504" y="912"/>
                </a:cubicBezTo>
                <a:cubicBezTo>
                  <a:pt x="2501" y="894"/>
                  <a:pt x="2491" y="885"/>
                  <a:pt x="2476" y="886"/>
                </a:cubicBezTo>
                <a:cubicBezTo>
                  <a:pt x="2461" y="887"/>
                  <a:pt x="2454" y="881"/>
                  <a:pt x="2454" y="869"/>
                </a:cubicBezTo>
                <a:cubicBezTo>
                  <a:pt x="2454" y="857"/>
                  <a:pt x="2448" y="860"/>
                  <a:pt x="2435" y="854"/>
                </a:cubicBezTo>
                <a:cubicBezTo>
                  <a:pt x="2422" y="848"/>
                  <a:pt x="2421" y="836"/>
                  <a:pt x="2422" y="825"/>
                </a:cubicBezTo>
                <a:cubicBezTo>
                  <a:pt x="2423" y="814"/>
                  <a:pt x="2433" y="802"/>
                  <a:pt x="2429" y="793"/>
                </a:cubicBezTo>
                <a:cubicBezTo>
                  <a:pt x="2425" y="784"/>
                  <a:pt x="2414" y="777"/>
                  <a:pt x="2401" y="779"/>
                </a:cubicBezTo>
                <a:cubicBezTo>
                  <a:pt x="2388" y="781"/>
                  <a:pt x="2388" y="777"/>
                  <a:pt x="2381" y="770"/>
                </a:cubicBezTo>
                <a:cubicBezTo>
                  <a:pt x="2374" y="763"/>
                  <a:pt x="2366" y="766"/>
                  <a:pt x="2366" y="775"/>
                </a:cubicBezTo>
                <a:cubicBezTo>
                  <a:pt x="2366" y="784"/>
                  <a:pt x="2362" y="787"/>
                  <a:pt x="2349" y="778"/>
                </a:cubicBezTo>
                <a:cubicBezTo>
                  <a:pt x="2336" y="769"/>
                  <a:pt x="2342" y="752"/>
                  <a:pt x="2338" y="734"/>
                </a:cubicBezTo>
                <a:cubicBezTo>
                  <a:pt x="2334" y="716"/>
                  <a:pt x="2333" y="706"/>
                  <a:pt x="2324" y="696"/>
                </a:cubicBezTo>
                <a:cubicBezTo>
                  <a:pt x="2315" y="686"/>
                  <a:pt x="2317" y="680"/>
                  <a:pt x="2307" y="676"/>
                </a:cubicBezTo>
                <a:cubicBezTo>
                  <a:pt x="2297" y="672"/>
                  <a:pt x="2288" y="666"/>
                  <a:pt x="2295" y="659"/>
                </a:cubicBezTo>
                <a:cubicBezTo>
                  <a:pt x="2302" y="652"/>
                  <a:pt x="2310" y="648"/>
                  <a:pt x="2302" y="638"/>
                </a:cubicBezTo>
                <a:cubicBezTo>
                  <a:pt x="2294" y="628"/>
                  <a:pt x="2292" y="629"/>
                  <a:pt x="2271" y="625"/>
                </a:cubicBezTo>
                <a:cubicBezTo>
                  <a:pt x="2250" y="621"/>
                  <a:pt x="2237" y="607"/>
                  <a:pt x="2227" y="596"/>
                </a:cubicBezTo>
                <a:cubicBezTo>
                  <a:pt x="2217" y="585"/>
                  <a:pt x="2210" y="577"/>
                  <a:pt x="2197" y="578"/>
                </a:cubicBezTo>
                <a:cubicBezTo>
                  <a:pt x="2184" y="579"/>
                  <a:pt x="2180" y="564"/>
                  <a:pt x="2163" y="560"/>
                </a:cubicBezTo>
                <a:cubicBezTo>
                  <a:pt x="2146" y="556"/>
                  <a:pt x="2144" y="562"/>
                  <a:pt x="2141" y="538"/>
                </a:cubicBezTo>
                <a:cubicBezTo>
                  <a:pt x="2138" y="514"/>
                  <a:pt x="2142" y="509"/>
                  <a:pt x="2132" y="505"/>
                </a:cubicBezTo>
                <a:cubicBezTo>
                  <a:pt x="2122" y="501"/>
                  <a:pt x="2114" y="491"/>
                  <a:pt x="2119" y="473"/>
                </a:cubicBezTo>
                <a:cubicBezTo>
                  <a:pt x="2124" y="455"/>
                  <a:pt x="2140" y="476"/>
                  <a:pt x="2132" y="454"/>
                </a:cubicBezTo>
                <a:cubicBezTo>
                  <a:pt x="2124" y="432"/>
                  <a:pt x="2128" y="444"/>
                  <a:pt x="2117" y="431"/>
                </a:cubicBezTo>
                <a:cubicBezTo>
                  <a:pt x="2106" y="418"/>
                  <a:pt x="2110" y="417"/>
                  <a:pt x="2100" y="407"/>
                </a:cubicBezTo>
                <a:cubicBezTo>
                  <a:pt x="2090" y="397"/>
                  <a:pt x="2080" y="396"/>
                  <a:pt x="2080" y="374"/>
                </a:cubicBezTo>
                <a:cubicBezTo>
                  <a:pt x="2080" y="352"/>
                  <a:pt x="2073" y="339"/>
                  <a:pt x="2075" y="318"/>
                </a:cubicBezTo>
                <a:cubicBezTo>
                  <a:pt x="2077" y="297"/>
                  <a:pt x="2072" y="293"/>
                  <a:pt x="2063" y="282"/>
                </a:cubicBezTo>
                <a:cubicBezTo>
                  <a:pt x="2054" y="271"/>
                  <a:pt x="2031" y="260"/>
                  <a:pt x="2028" y="247"/>
                </a:cubicBezTo>
                <a:cubicBezTo>
                  <a:pt x="2025" y="234"/>
                  <a:pt x="2009" y="234"/>
                  <a:pt x="2008" y="240"/>
                </a:cubicBezTo>
                <a:cubicBezTo>
                  <a:pt x="2007" y="246"/>
                  <a:pt x="2006" y="245"/>
                  <a:pt x="1994" y="248"/>
                </a:cubicBezTo>
                <a:cubicBezTo>
                  <a:pt x="1982" y="251"/>
                  <a:pt x="1975" y="257"/>
                  <a:pt x="1972" y="245"/>
                </a:cubicBezTo>
                <a:cubicBezTo>
                  <a:pt x="1969" y="233"/>
                  <a:pt x="1965" y="218"/>
                  <a:pt x="1959" y="213"/>
                </a:cubicBezTo>
                <a:cubicBezTo>
                  <a:pt x="1953" y="208"/>
                  <a:pt x="1963" y="196"/>
                  <a:pt x="1960" y="176"/>
                </a:cubicBezTo>
                <a:cubicBezTo>
                  <a:pt x="1957" y="156"/>
                  <a:pt x="1965" y="158"/>
                  <a:pt x="1951" y="140"/>
                </a:cubicBezTo>
                <a:cubicBezTo>
                  <a:pt x="1937" y="122"/>
                  <a:pt x="1931" y="118"/>
                  <a:pt x="1934" y="106"/>
                </a:cubicBezTo>
                <a:cubicBezTo>
                  <a:pt x="1937" y="94"/>
                  <a:pt x="1935" y="83"/>
                  <a:pt x="1928" y="80"/>
                </a:cubicBezTo>
                <a:cubicBezTo>
                  <a:pt x="1921" y="77"/>
                  <a:pt x="1918" y="80"/>
                  <a:pt x="1918" y="61"/>
                </a:cubicBezTo>
                <a:cubicBezTo>
                  <a:pt x="1918" y="42"/>
                  <a:pt x="1921" y="42"/>
                  <a:pt x="1911" y="31"/>
                </a:cubicBezTo>
                <a:cubicBezTo>
                  <a:pt x="1901" y="20"/>
                  <a:pt x="1894" y="0"/>
                  <a:pt x="1888" y="11"/>
                </a:cubicBezTo>
                <a:cubicBezTo>
                  <a:pt x="1882" y="22"/>
                  <a:pt x="1868" y="24"/>
                  <a:pt x="1868" y="37"/>
                </a:cubicBezTo>
                <a:cubicBezTo>
                  <a:pt x="1868" y="50"/>
                  <a:pt x="1871" y="52"/>
                  <a:pt x="1861" y="61"/>
                </a:cubicBezTo>
                <a:cubicBezTo>
                  <a:pt x="1851" y="70"/>
                  <a:pt x="1867" y="87"/>
                  <a:pt x="1854" y="92"/>
                </a:cubicBezTo>
                <a:cubicBezTo>
                  <a:pt x="1841" y="97"/>
                  <a:pt x="1839" y="109"/>
                  <a:pt x="1838" y="117"/>
                </a:cubicBezTo>
                <a:cubicBezTo>
                  <a:pt x="1837" y="125"/>
                  <a:pt x="1835" y="135"/>
                  <a:pt x="1840" y="136"/>
                </a:cubicBezTo>
                <a:cubicBezTo>
                  <a:pt x="1845" y="137"/>
                  <a:pt x="1847" y="146"/>
                  <a:pt x="1842" y="152"/>
                </a:cubicBezTo>
                <a:cubicBezTo>
                  <a:pt x="1837" y="158"/>
                  <a:pt x="1829" y="160"/>
                  <a:pt x="1832" y="169"/>
                </a:cubicBezTo>
                <a:cubicBezTo>
                  <a:pt x="1835" y="178"/>
                  <a:pt x="1833" y="191"/>
                  <a:pt x="1829" y="195"/>
                </a:cubicBezTo>
                <a:cubicBezTo>
                  <a:pt x="1825" y="199"/>
                  <a:pt x="1820" y="211"/>
                  <a:pt x="1826" y="219"/>
                </a:cubicBezTo>
                <a:cubicBezTo>
                  <a:pt x="1832" y="227"/>
                  <a:pt x="1839" y="231"/>
                  <a:pt x="1834" y="243"/>
                </a:cubicBezTo>
                <a:cubicBezTo>
                  <a:pt x="1829" y="255"/>
                  <a:pt x="1825" y="264"/>
                  <a:pt x="1830" y="273"/>
                </a:cubicBezTo>
                <a:cubicBezTo>
                  <a:pt x="1835" y="282"/>
                  <a:pt x="1840" y="290"/>
                  <a:pt x="1834" y="295"/>
                </a:cubicBezTo>
                <a:cubicBezTo>
                  <a:pt x="1828" y="300"/>
                  <a:pt x="1825" y="301"/>
                  <a:pt x="1825" y="318"/>
                </a:cubicBezTo>
                <a:cubicBezTo>
                  <a:pt x="1825" y="335"/>
                  <a:pt x="1819" y="326"/>
                  <a:pt x="1818" y="344"/>
                </a:cubicBezTo>
                <a:cubicBezTo>
                  <a:pt x="1817" y="362"/>
                  <a:pt x="1815" y="363"/>
                  <a:pt x="1810" y="383"/>
                </a:cubicBezTo>
                <a:cubicBezTo>
                  <a:pt x="1805" y="403"/>
                  <a:pt x="1792" y="403"/>
                  <a:pt x="1792" y="420"/>
                </a:cubicBezTo>
                <a:cubicBezTo>
                  <a:pt x="1792" y="437"/>
                  <a:pt x="1803" y="446"/>
                  <a:pt x="1776" y="455"/>
                </a:cubicBezTo>
                <a:cubicBezTo>
                  <a:pt x="1749" y="464"/>
                  <a:pt x="1735" y="473"/>
                  <a:pt x="1720" y="461"/>
                </a:cubicBezTo>
                <a:cubicBezTo>
                  <a:pt x="1705" y="449"/>
                  <a:pt x="1682" y="441"/>
                  <a:pt x="1678" y="426"/>
                </a:cubicBezTo>
                <a:cubicBezTo>
                  <a:pt x="1674" y="411"/>
                  <a:pt x="1671" y="405"/>
                  <a:pt x="1655" y="404"/>
                </a:cubicBezTo>
                <a:cubicBezTo>
                  <a:pt x="1639" y="403"/>
                  <a:pt x="1620" y="406"/>
                  <a:pt x="1609" y="384"/>
                </a:cubicBezTo>
                <a:cubicBezTo>
                  <a:pt x="1598" y="362"/>
                  <a:pt x="1598" y="362"/>
                  <a:pt x="1574" y="356"/>
                </a:cubicBezTo>
                <a:cubicBezTo>
                  <a:pt x="1550" y="350"/>
                  <a:pt x="1559" y="346"/>
                  <a:pt x="1553" y="333"/>
                </a:cubicBezTo>
                <a:cubicBezTo>
                  <a:pt x="1547" y="320"/>
                  <a:pt x="1542" y="319"/>
                  <a:pt x="1537" y="333"/>
                </a:cubicBezTo>
                <a:cubicBezTo>
                  <a:pt x="1532" y="347"/>
                  <a:pt x="1533" y="350"/>
                  <a:pt x="1519" y="335"/>
                </a:cubicBezTo>
                <a:cubicBezTo>
                  <a:pt x="1505" y="320"/>
                  <a:pt x="1505" y="309"/>
                  <a:pt x="1483" y="300"/>
                </a:cubicBezTo>
                <a:cubicBezTo>
                  <a:pt x="1461" y="291"/>
                  <a:pt x="1440" y="274"/>
                  <a:pt x="1451" y="266"/>
                </a:cubicBezTo>
                <a:cubicBezTo>
                  <a:pt x="1462" y="258"/>
                  <a:pt x="1464" y="255"/>
                  <a:pt x="1468" y="241"/>
                </a:cubicBezTo>
                <a:cubicBezTo>
                  <a:pt x="1472" y="227"/>
                  <a:pt x="1475" y="230"/>
                  <a:pt x="1480" y="223"/>
                </a:cubicBezTo>
                <a:cubicBezTo>
                  <a:pt x="1485" y="216"/>
                  <a:pt x="1498" y="219"/>
                  <a:pt x="1495" y="207"/>
                </a:cubicBezTo>
                <a:cubicBezTo>
                  <a:pt x="1492" y="195"/>
                  <a:pt x="1469" y="205"/>
                  <a:pt x="1475" y="190"/>
                </a:cubicBezTo>
                <a:cubicBezTo>
                  <a:pt x="1481" y="175"/>
                  <a:pt x="1480" y="178"/>
                  <a:pt x="1488" y="172"/>
                </a:cubicBezTo>
                <a:cubicBezTo>
                  <a:pt x="1496" y="166"/>
                  <a:pt x="1494" y="186"/>
                  <a:pt x="1507" y="178"/>
                </a:cubicBezTo>
                <a:cubicBezTo>
                  <a:pt x="1520" y="170"/>
                  <a:pt x="1517" y="178"/>
                  <a:pt x="1521" y="158"/>
                </a:cubicBezTo>
                <a:cubicBezTo>
                  <a:pt x="1525" y="138"/>
                  <a:pt x="1518" y="137"/>
                  <a:pt x="1533" y="131"/>
                </a:cubicBezTo>
                <a:cubicBezTo>
                  <a:pt x="1548" y="125"/>
                  <a:pt x="1539" y="114"/>
                  <a:pt x="1536" y="105"/>
                </a:cubicBezTo>
                <a:cubicBezTo>
                  <a:pt x="1533" y="96"/>
                  <a:pt x="1521" y="102"/>
                  <a:pt x="1519" y="95"/>
                </a:cubicBezTo>
                <a:cubicBezTo>
                  <a:pt x="1517" y="88"/>
                  <a:pt x="1502" y="80"/>
                  <a:pt x="1501" y="89"/>
                </a:cubicBezTo>
                <a:cubicBezTo>
                  <a:pt x="1500" y="98"/>
                  <a:pt x="1496" y="99"/>
                  <a:pt x="1496" y="109"/>
                </a:cubicBezTo>
                <a:cubicBezTo>
                  <a:pt x="1496" y="119"/>
                  <a:pt x="1481" y="124"/>
                  <a:pt x="1480" y="115"/>
                </a:cubicBezTo>
                <a:cubicBezTo>
                  <a:pt x="1479" y="106"/>
                  <a:pt x="1472" y="102"/>
                  <a:pt x="1472" y="102"/>
                </a:cubicBezTo>
                <a:cubicBezTo>
                  <a:pt x="1472" y="102"/>
                  <a:pt x="1465" y="98"/>
                  <a:pt x="1469" y="90"/>
                </a:cubicBezTo>
                <a:cubicBezTo>
                  <a:pt x="1473" y="82"/>
                  <a:pt x="1465" y="74"/>
                  <a:pt x="1462" y="80"/>
                </a:cubicBezTo>
                <a:cubicBezTo>
                  <a:pt x="1459" y="86"/>
                  <a:pt x="1448" y="95"/>
                  <a:pt x="1432" y="96"/>
                </a:cubicBezTo>
                <a:cubicBezTo>
                  <a:pt x="1416" y="97"/>
                  <a:pt x="1394" y="93"/>
                  <a:pt x="1384" y="89"/>
                </a:cubicBezTo>
                <a:cubicBezTo>
                  <a:pt x="1374" y="85"/>
                  <a:pt x="1358" y="82"/>
                  <a:pt x="1340" y="74"/>
                </a:cubicBezTo>
                <a:cubicBezTo>
                  <a:pt x="1322" y="66"/>
                  <a:pt x="1325" y="74"/>
                  <a:pt x="1308" y="63"/>
                </a:cubicBezTo>
                <a:cubicBezTo>
                  <a:pt x="1291" y="52"/>
                  <a:pt x="1285" y="46"/>
                  <a:pt x="1278" y="56"/>
                </a:cubicBezTo>
                <a:cubicBezTo>
                  <a:pt x="1271" y="66"/>
                  <a:pt x="1260" y="77"/>
                  <a:pt x="1257" y="85"/>
                </a:cubicBezTo>
                <a:cubicBezTo>
                  <a:pt x="1254" y="93"/>
                  <a:pt x="1252" y="106"/>
                  <a:pt x="1228" y="109"/>
                </a:cubicBezTo>
                <a:cubicBezTo>
                  <a:pt x="1204" y="112"/>
                  <a:pt x="1199" y="112"/>
                  <a:pt x="1194" y="106"/>
                </a:cubicBezTo>
                <a:cubicBezTo>
                  <a:pt x="1189" y="100"/>
                  <a:pt x="1180" y="102"/>
                  <a:pt x="1175" y="110"/>
                </a:cubicBezTo>
                <a:cubicBezTo>
                  <a:pt x="1170" y="118"/>
                  <a:pt x="1164" y="117"/>
                  <a:pt x="1148" y="121"/>
                </a:cubicBezTo>
                <a:cubicBezTo>
                  <a:pt x="1132" y="125"/>
                  <a:pt x="1133" y="129"/>
                  <a:pt x="1124" y="137"/>
                </a:cubicBezTo>
                <a:cubicBezTo>
                  <a:pt x="1115" y="145"/>
                  <a:pt x="1102" y="153"/>
                  <a:pt x="1104" y="164"/>
                </a:cubicBezTo>
                <a:cubicBezTo>
                  <a:pt x="1106" y="175"/>
                  <a:pt x="1106" y="181"/>
                  <a:pt x="1097" y="190"/>
                </a:cubicBezTo>
                <a:cubicBezTo>
                  <a:pt x="1088" y="199"/>
                  <a:pt x="1077" y="198"/>
                  <a:pt x="1079" y="212"/>
                </a:cubicBezTo>
                <a:cubicBezTo>
                  <a:pt x="1081" y="226"/>
                  <a:pt x="1082" y="224"/>
                  <a:pt x="1069" y="229"/>
                </a:cubicBezTo>
                <a:cubicBezTo>
                  <a:pt x="1056" y="234"/>
                  <a:pt x="1050" y="246"/>
                  <a:pt x="1058" y="257"/>
                </a:cubicBezTo>
                <a:cubicBezTo>
                  <a:pt x="1066" y="268"/>
                  <a:pt x="1071" y="267"/>
                  <a:pt x="1072" y="279"/>
                </a:cubicBezTo>
                <a:cubicBezTo>
                  <a:pt x="1073" y="291"/>
                  <a:pt x="1063" y="296"/>
                  <a:pt x="1057" y="288"/>
                </a:cubicBezTo>
                <a:cubicBezTo>
                  <a:pt x="1051" y="280"/>
                  <a:pt x="1035" y="281"/>
                  <a:pt x="1028" y="280"/>
                </a:cubicBezTo>
                <a:cubicBezTo>
                  <a:pt x="1021" y="279"/>
                  <a:pt x="1026" y="272"/>
                  <a:pt x="1012" y="272"/>
                </a:cubicBezTo>
                <a:cubicBezTo>
                  <a:pt x="998" y="272"/>
                  <a:pt x="998" y="273"/>
                  <a:pt x="996" y="281"/>
                </a:cubicBezTo>
                <a:cubicBezTo>
                  <a:pt x="994" y="289"/>
                  <a:pt x="980" y="293"/>
                  <a:pt x="979" y="283"/>
                </a:cubicBezTo>
                <a:cubicBezTo>
                  <a:pt x="978" y="273"/>
                  <a:pt x="991" y="266"/>
                  <a:pt x="977" y="260"/>
                </a:cubicBezTo>
                <a:cubicBezTo>
                  <a:pt x="963" y="254"/>
                  <a:pt x="948" y="230"/>
                  <a:pt x="933" y="226"/>
                </a:cubicBezTo>
                <a:cubicBezTo>
                  <a:pt x="918" y="222"/>
                  <a:pt x="916" y="222"/>
                  <a:pt x="913" y="213"/>
                </a:cubicBezTo>
                <a:cubicBezTo>
                  <a:pt x="910" y="204"/>
                  <a:pt x="905" y="202"/>
                  <a:pt x="900" y="202"/>
                </a:cubicBezTo>
                <a:cubicBezTo>
                  <a:pt x="895" y="202"/>
                  <a:pt x="895" y="206"/>
                  <a:pt x="893" y="215"/>
                </a:cubicBezTo>
                <a:cubicBezTo>
                  <a:pt x="891" y="224"/>
                  <a:pt x="892" y="228"/>
                  <a:pt x="882" y="227"/>
                </a:cubicBezTo>
                <a:cubicBezTo>
                  <a:pt x="872" y="226"/>
                  <a:pt x="871" y="218"/>
                  <a:pt x="862" y="218"/>
                </a:cubicBezTo>
                <a:cubicBezTo>
                  <a:pt x="853" y="218"/>
                  <a:pt x="846" y="212"/>
                  <a:pt x="845" y="227"/>
                </a:cubicBezTo>
                <a:cubicBezTo>
                  <a:pt x="844" y="242"/>
                  <a:pt x="838" y="239"/>
                  <a:pt x="837" y="247"/>
                </a:cubicBezTo>
                <a:cubicBezTo>
                  <a:pt x="836" y="255"/>
                  <a:pt x="842" y="258"/>
                  <a:pt x="829" y="258"/>
                </a:cubicBezTo>
                <a:cubicBezTo>
                  <a:pt x="816" y="258"/>
                  <a:pt x="817" y="257"/>
                  <a:pt x="817" y="249"/>
                </a:cubicBezTo>
                <a:cubicBezTo>
                  <a:pt x="817" y="241"/>
                  <a:pt x="813" y="237"/>
                  <a:pt x="810" y="238"/>
                </a:cubicBezTo>
                <a:cubicBezTo>
                  <a:pt x="807" y="239"/>
                  <a:pt x="811" y="255"/>
                  <a:pt x="798" y="256"/>
                </a:cubicBezTo>
                <a:cubicBezTo>
                  <a:pt x="785" y="257"/>
                  <a:pt x="781" y="265"/>
                  <a:pt x="782" y="271"/>
                </a:cubicBezTo>
                <a:cubicBezTo>
                  <a:pt x="783" y="277"/>
                  <a:pt x="781" y="288"/>
                  <a:pt x="773" y="291"/>
                </a:cubicBezTo>
                <a:cubicBezTo>
                  <a:pt x="765" y="294"/>
                  <a:pt x="761" y="293"/>
                  <a:pt x="764" y="300"/>
                </a:cubicBezTo>
                <a:cubicBezTo>
                  <a:pt x="767" y="307"/>
                  <a:pt x="760" y="309"/>
                  <a:pt x="753" y="309"/>
                </a:cubicBezTo>
                <a:cubicBezTo>
                  <a:pt x="746" y="309"/>
                  <a:pt x="743" y="320"/>
                  <a:pt x="743" y="326"/>
                </a:cubicBezTo>
                <a:cubicBezTo>
                  <a:pt x="743" y="332"/>
                  <a:pt x="736" y="321"/>
                  <a:pt x="736" y="333"/>
                </a:cubicBezTo>
                <a:cubicBezTo>
                  <a:pt x="736" y="345"/>
                  <a:pt x="733" y="346"/>
                  <a:pt x="737" y="350"/>
                </a:cubicBezTo>
                <a:cubicBezTo>
                  <a:pt x="741" y="354"/>
                  <a:pt x="743" y="371"/>
                  <a:pt x="736" y="374"/>
                </a:cubicBezTo>
                <a:cubicBezTo>
                  <a:pt x="729" y="377"/>
                  <a:pt x="733" y="365"/>
                  <a:pt x="722" y="365"/>
                </a:cubicBezTo>
                <a:cubicBezTo>
                  <a:pt x="711" y="365"/>
                  <a:pt x="710" y="376"/>
                  <a:pt x="704" y="367"/>
                </a:cubicBezTo>
                <a:cubicBezTo>
                  <a:pt x="698" y="358"/>
                  <a:pt x="700" y="363"/>
                  <a:pt x="690" y="364"/>
                </a:cubicBezTo>
                <a:cubicBezTo>
                  <a:pt x="680" y="365"/>
                  <a:pt x="679" y="372"/>
                  <a:pt x="684" y="373"/>
                </a:cubicBezTo>
                <a:cubicBezTo>
                  <a:pt x="689" y="374"/>
                  <a:pt x="697" y="383"/>
                  <a:pt x="688" y="383"/>
                </a:cubicBezTo>
                <a:cubicBezTo>
                  <a:pt x="679" y="383"/>
                  <a:pt x="673" y="391"/>
                  <a:pt x="681" y="396"/>
                </a:cubicBezTo>
                <a:cubicBezTo>
                  <a:pt x="689" y="401"/>
                  <a:pt x="694" y="402"/>
                  <a:pt x="695" y="411"/>
                </a:cubicBezTo>
                <a:cubicBezTo>
                  <a:pt x="696" y="420"/>
                  <a:pt x="706" y="427"/>
                  <a:pt x="694" y="428"/>
                </a:cubicBezTo>
                <a:cubicBezTo>
                  <a:pt x="682" y="429"/>
                  <a:pt x="682" y="440"/>
                  <a:pt x="673" y="429"/>
                </a:cubicBezTo>
                <a:cubicBezTo>
                  <a:pt x="664" y="418"/>
                  <a:pt x="669" y="417"/>
                  <a:pt x="663" y="414"/>
                </a:cubicBezTo>
                <a:cubicBezTo>
                  <a:pt x="657" y="411"/>
                  <a:pt x="664" y="402"/>
                  <a:pt x="657" y="397"/>
                </a:cubicBezTo>
                <a:cubicBezTo>
                  <a:pt x="650" y="392"/>
                  <a:pt x="656" y="388"/>
                  <a:pt x="649" y="381"/>
                </a:cubicBezTo>
                <a:cubicBezTo>
                  <a:pt x="642" y="374"/>
                  <a:pt x="639" y="378"/>
                  <a:pt x="638" y="388"/>
                </a:cubicBezTo>
                <a:cubicBezTo>
                  <a:pt x="637" y="398"/>
                  <a:pt x="633" y="399"/>
                  <a:pt x="623" y="404"/>
                </a:cubicBezTo>
                <a:cubicBezTo>
                  <a:pt x="613" y="409"/>
                  <a:pt x="609" y="411"/>
                  <a:pt x="607" y="422"/>
                </a:cubicBezTo>
                <a:cubicBezTo>
                  <a:pt x="605" y="433"/>
                  <a:pt x="593" y="424"/>
                  <a:pt x="593" y="439"/>
                </a:cubicBezTo>
                <a:cubicBezTo>
                  <a:pt x="593" y="454"/>
                  <a:pt x="585" y="477"/>
                  <a:pt x="594" y="482"/>
                </a:cubicBezTo>
                <a:cubicBezTo>
                  <a:pt x="603" y="487"/>
                  <a:pt x="604" y="499"/>
                  <a:pt x="593" y="503"/>
                </a:cubicBezTo>
                <a:cubicBezTo>
                  <a:pt x="582" y="507"/>
                  <a:pt x="570" y="518"/>
                  <a:pt x="564" y="526"/>
                </a:cubicBezTo>
                <a:cubicBezTo>
                  <a:pt x="558" y="534"/>
                  <a:pt x="554" y="537"/>
                  <a:pt x="554" y="548"/>
                </a:cubicBezTo>
                <a:cubicBezTo>
                  <a:pt x="554" y="559"/>
                  <a:pt x="539" y="566"/>
                  <a:pt x="531" y="574"/>
                </a:cubicBezTo>
                <a:cubicBezTo>
                  <a:pt x="523" y="582"/>
                  <a:pt x="490" y="606"/>
                  <a:pt x="463" y="615"/>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7" name="Freeform 1845">
            <a:extLst>
              <a:ext uri="{FF2B5EF4-FFF2-40B4-BE49-F238E27FC236}">
                <a16:creationId xmlns:a16="http://schemas.microsoft.com/office/drawing/2014/main" id="{518CCC30-EFB2-4E3E-9F95-4A08C030F5E9}"/>
              </a:ext>
            </a:extLst>
          </p:cNvPr>
          <p:cNvSpPr>
            <a:spLocks/>
          </p:cNvSpPr>
          <p:nvPr/>
        </p:nvSpPr>
        <p:spPr bwMode="auto">
          <a:xfrm>
            <a:off x="7178830" y="4248881"/>
            <a:ext cx="34811" cy="50632"/>
          </a:xfrm>
          <a:custGeom>
            <a:avLst/>
            <a:gdLst>
              <a:gd name="T0" fmla="*/ 14 w 44"/>
              <a:gd name="T1" fmla="*/ 11 h 63"/>
              <a:gd name="T2" fmla="*/ 6 w 44"/>
              <a:gd name="T3" fmla="*/ 19 h 63"/>
              <a:gd name="T4" fmla="*/ 6 w 44"/>
              <a:gd name="T5" fmla="*/ 35 h 63"/>
              <a:gd name="T6" fmla="*/ 12 w 44"/>
              <a:gd name="T7" fmla="*/ 50 h 63"/>
              <a:gd name="T8" fmla="*/ 19 w 44"/>
              <a:gd name="T9" fmla="*/ 55 h 63"/>
              <a:gd name="T10" fmla="*/ 32 w 44"/>
              <a:gd name="T11" fmla="*/ 43 h 63"/>
              <a:gd name="T12" fmla="*/ 38 w 44"/>
              <a:gd name="T13" fmla="*/ 33 h 63"/>
              <a:gd name="T14" fmla="*/ 27 w 44"/>
              <a:gd name="T15" fmla="*/ 20 h 63"/>
              <a:gd name="T16" fmla="*/ 14 w 44"/>
              <a:gd name="T17" fmla="*/ 11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 h="63">
                <a:moveTo>
                  <a:pt x="14" y="11"/>
                </a:moveTo>
                <a:cubicBezTo>
                  <a:pt x="14" y="11"/>
                  <a:pt x="11" y="17"/>
                  <a:pt x="6" y="19"/>
                </a:cubicBezTo>
                <a:cubicBezTo>
                  <a:pt x="0" y="20"/>
                  <a:pt x="6" y="28"/>
                  <a:pt x="6" y="35"/>
                </a:cubicBezTo>
                <a:cubicBezTo>
                  <a:pt x="7" y="41"/>
                  <a:pt x="11" y="45"/>
                  <a:pt x="12" y="50"/>
                </a:cubicBezTo>
                <a:cubicBezTo>
                  <a:pt x="12" y="55"/>
                  <a:pt x="16" y="63"/>
                  <a:pt x="19" y="55"/>
                </a:cubicBezTo>
                <a:cubicBezTo>
                  <a:pt x="22" y="48"/>
                  <a:pt x="26" y="46"/>
                  <a:pt x="32" y="43"/>
                </a:cubicBezTo>
                <a:cubicBezTo>
                  <a:pt x="37" y="39"/>
                  <a:pt x="44" y="40"/>
                  <a:pt x="38" y="33"/>
                </a:cubicBezTo>
                <a:cubicBezTo>
                  <a:pt x="31" y="27"/>
                  <a:pt x="30" y="26"/>
                  <a:pt x="27" y="20"/>
                </a:cubicBezTo>
                <a:cubicBezTo>
                  <a:pt x="24" y="14"/>
                  <a:pt x="14" y="0"/>
                  <a:pt x="14" y="11"/>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8" name="Freeform 1846">
            <a:extLst>
              <a:ext uri="{FF2B5EF4-FFF2-40B4-BE49-F238E27FC236}">
                <a16:creationId xmlns:a16="http://schemas.microsoft.com/office/drawing/2014/main" id="{DD303F9A-A4FC-4F7D-88B1-63A7DDD0126D}"/>
              </a:ext>
            </a:extLst>
          </p:cNvPr>
          <p:cNvSpPr>
            <a:spLocks/>
          </p:cNvSpPr>
          <p:nvPr/>
        </p:nvSpPr>
        <p:spPr bwMode="auto">
          <a:xfrm>
            <a:off x="7223134" y="4309008"/>
            <a:ext cx="202530" cy="196200"/>
          </a:xfrm>
          <a:custGeom>
            <a:avLst/>
            <a:gdLst>
              <a:gd name="T0" fmla="*/ 8 w 254"/>
              <a:gd name="T1" fmla="*/ 12 h 248"/>
              <a:gd name="T2" fmla="*/ 4 w 254"/>
              <a:gd name="T3" fmla="*/ 24 h 248"/>
              <a:gd name="T4" fmla="*/ 9 w 254"/>
              <a:gd name="T5" fmla="*/ 65 h 248"/>
              <a:gd name="T6" fmla="*/ 16 w 254"/>
              <a:gd name="T7" fmla="*/ 94 h 248"/>
              <a:gd name="T8" fmla="*/ 31 w 254"/>
              <a:gd name="T9" fmla="*/ 111 h 248"/>
              <a:gd name="T10" fmla="*/ 43 w 254"/>
              <a:gd name="T11" fmla="*/ 136 h 248"/>
              <a:gd name="T12" fmla="*/ 52 w 254"/>
              <a:gd name="T13" fmla="*/ 176 h 248"/>
              <a:gd name="T14" fmla="*/ 80 w 254"/>
              <a:gd name="T15" fmla="*/ 209 h 248"/>
              <a:gd name="T16" fmla="*/ 102 w 254"/>
              <a:gd name="T17" fmla="*/ 233 h 248"/>
              <a:gd name="T18" fmla="*/ 131 w 254"/>
              <a:gd name="T19" fmla="*/ 240 h 248"/>
              <a:gd name="T20" fmla="*/ 154 w 254"/>
              <a:gd name="T21" fmla="*/ 238 h 248"/>
              <a:gd name="T22" fmla="*/ 164 w 254"/>
              <a:gd name="T23" fmla="*/ 226 h 248"/>
              <a:gd name="T24" fmla="*/ 174 w 254"/>
              <a:gd name="T25" fmla="*/ 230 h 248"/>
              <a:gd name="T26" fmla="*/ 184 w 254"/>
              <a:gd name="T27" fmla="*/ 216 h 248"/>
              <a:gd name="T28" fmla="*/ 180 w 254"/>
              <a:gd name="T29" fmla="*/ 203 h 248"/>
              <a:gd name="T30" fmla="*/ 187 w 254"/>
              <a:gd name="T31" fmla="*/ 193 h 248"/>
              <a:gd name="T32" fmla="*/ 203 w 254"/>
              <a:gd name="T33" fmla="*/ 206 h 248"/>
              <a:gd name="T34" fmla="*/ 212 w 254"/>
              <a:gd name="T35" fmla="*/ 215 h 248"/>
              <a:gd name="T36" fmla="*/ 220 w 254"/>
              <a:gd name="T37" fmla="*/ 208 h 248"/>
              <a:gd name="T38" fmla="*/ 224 w 254"/>
              <a:gd name="T39" fmla="*/ 186 h 248"/>
              <a:gd name="T40" fmla="*/ 227 w 254"/>
              <a:gd name="T41" fmla="*/ 166 h 248"/>
              <a:gd name="T42" fmla="*/ 222 w 254"/>
              <a:gd name="T43" fmla="*/ 152 h 248"/>
              <a:gd name="T44" fmla="*/ 233 w 254"/>
              <a:gd name="T45" fmla="*/ 138 h 248"/>
              <a:gd name="T46" fmla="*/ 248 w 254"/>
              <a:gd name="T47" fmla="*/ 122 h 248"/>
              <a:gd name="T48" fmla="*/ 246 w 254"/>
              <a:gd name="T49" fmla="*/ 87 h 248"/>
              <a:gd name="T50" fmla="*/ 244 w 254"/>
              <a:gd name="T51" fmla="*/ 32 h 248"/>
              <a:gd name="T52" fmla="*/ 222 w 254"/>
              <a:gd name="T53" fmla="*/ 22 h 248"/>
              <a:gd name="T54" fmla="*/ 208 w 254"/>
              <a:gd name="T55" fmla="*/ 26 h 248"/>
              <a:gd name="T56" fmla="*/ 192 w 254"/>
              <a:gd name="T57" fmla="*/ 30 h 248"/>
              <a:gd name="T58" fmla="*/ 181 w 254"/>
              <a:gd name="T59" fmla="*/ 35 h 248"/>
              <a:gd name="T60" fmla="*/ 151 w 254"/>
              <a:gd name="T61" fmla="*/ 40 h 248"/>
              <a:gd name="T62" fmla="*/ 132 w 254"/>
              <a:gd name="T63" fmla="*/ 46 h 248"/>
              <a:gd name="T64" fmla="*/ 118 w 254"/>
              <a:gd name="T65" fmla="*/ 53 h 248"/>
              <a:gd name="T66" fmla="*/ 94 w 254"/>
              <a:gd name="T67" fmla="*/ 44 h 248"/>
              <a:gd name="T68" fmla="*/ 78 w 254"/>
              <a:gd name="T69" fmla="*/ 36 h 248"/>
              <a:gd name="T70" fmla="*/ 64 w 254"/>
              <a:gd name="T71" fmla="*/ 26 h 248"/>
              <a:gd name="T72" fmla="*/ 30 w 254"/>
              <a:gd name="T73" fmla="*/ 22 h 248"/>
              <a:gd name="T74" fmla="*/ 8 w 254"/>
              <a:gd name="T75" fmla="*/ 12 h 2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254" h="248">
                <a:moveTo>
                  <a:pt x="8" y="12"/>
                </a:moveTo>
                <a:cubicBezTo>
                  <a:pt x="8" y="12"/>
                  <a:pt x="4" y="12"/>
                  <a:pt x="4" y="24"/>
                </a:cubicBezTo>
                <a:cubicBezTo>
                  <a:pt x="4" y="36"/>
                  <a:pt x="0" y="56"/>
                  <a:pt x="9" y="65"/>
                </a:cubicBezTo>
                <a:cubicBezTo>
                  <a:pt x="18" y="74"/>
                  <a:pt x="7" y="90"/>
                  <a:pt x="16" y="94"/>
                </a:cubicBezTo>
                <a:cubicBezTo>
                  <a:pt x="26" y="97"/>
                  <a:pt x="22" y="102"/>
                  <a:pt x="31" y="111"/>
                </a:cubicBezTo>
                <a:cubicBezTo>
                  <a:pt x="40" y="120"/>
                  <a:pt x="43" y="120"/>
                  <a:pt x="43" y="136"/>
                </a:cubicBezTo>
                <a:cubicBezTo>
                  <a:pt x="43" y="152"/>
                  <a:pt x="43" y="166"/>
                  <a:pt x="52" y="176"/>
                </a:cubicBezTo>
                <a:cubicBezTo>
                  <a:pt x="62" y="187"/>
                  <a:pt x="66" y="195"/>
                  <a:pt x="80" y="209"/>
                </a:cubicBezTo>
                <a:cubicBezTo>
                  <a:pt x="95" y="223"/>
                  <a:pt x="90" y="230"/>
                  <a:pt x="102" y="233"/>
                </a:cubicBezTo>
                <a:cubicBezTo>
                  <a:pt x="115" y="236"/>
                  <a:pt x="121" y="234"/>
                  <a:pt x="131" y="240"/>
                </a:cubicBezTo>
                <a:cubicBezTo>
                  <a:pt x="141" y="247"/>
                  <a:pt x="156" y="248"/>
                  <a:pt x="154" y="238"/>
                </a:cubicBezTo>
                <a:cubicBezTo>
                  <a:pt x="152" y="228"/>
                  <a:pt x="158" y="228"/>
                  <a:pt x="164" y="226"/>
                </a:cubicBezTo>
                <a:cubicBezTo>
                  <a:pt x="169" y="224"/>
                  <a:pt x="166" y="234"/>
                  <a:pt x="174" y="230"/>
                </a:cubicBezTo>
                <a:cubicBezTo>
                  <a:pt x="183" y="226"/>
                  <a:pt x="193" y="222"/>
                  <a:pt x="184" y="216"/>
                </a:cubicBezTo>
                <a:cubicBezTo>
                  <a:pt x="174" y="211"/>
                  <a:pt x="179" y="209"/>
                  <a:pt x="180" y="203"/>
                </a:cubicBezTo>
                <a:cubicBezTo>
                  <a:pt x="180" y="197"/>
                  <a:pt x="178" y="193"/>
                  <a:pt x="187" y="193"/>
                </a:cubicBezTo>
                <a:cubicBezTo>
                  <a:pt x="196" y="193"/>
                  <a:pt x="197" y="205"/>
                  <a:pt x="203" y="206"/>
                </a:cubicBezTo>
                <a:cubicBezTo>
                  <a:pt x="209" y="206"/>
                  <a:pt x="206" y="215"/>
                  <a:pt x="212" y="215"/>
                </a:cubicBezTo>
                <a:cubicBezTo>
                  <a:pt x="217" y="215"/>
                  <a:pt x="224" y="222"/>
                  <a:pt x="220" y="208"/>
                </a:cubicBezTo>
                <a:cubicBezTo>
                  <a:pt x="216" y="195"/>
                  <a:pt x="219" y="191"/>
                  <a:pt x="224" y="186"/>
                </a:cubicBezTo>
                <a:cubicBezTo>
                  <a:pt x="228" y="182"/>
                  <a:pt x="232" y="171"/>
                  <a:pt x="227" y="166"/>
                </a:cubicBezTo>
                <a:cubicBezTo>
                  <a:pt x="222" y="162"/>
                  <a:pt x="220" y="160"/>
                  <a:pt x="222" y="152"/>
                </a:cubicBezTo>
                <a:cubicBezTo>
                  <a:pt x="225" y="145"/>
                  <a:pt x="223" y="140"/>
                  <a:pt x="233" y="138"/>
                </a:cubicBezTo>
                <a:cubicBezTo>
                  <a:pt x="243" y="136"/>
                  <a:pt x="248" y="136"/>
                  <a:pt x="248" y="122"/>
                </a:cubicBezTo>
                <a:cubicBezTo>
                  <a:pt x="247" y="108"/>
                  <a:pt x="246" y="102"/>
                  <a:pt x="246" y="87"/>
                </a:cubicBezTo>
                <a:cubicBezTo>
                  <a:pt x="246" y="72"/>
                  <a:pt x="254" y="40"/>
                  <a:pt x="244" y="32"/>
                </a:cubicBezTo>
                <a:cubicBezTo>
                  <a:pt x="234" y="25"/>
                  <a:pt x="228" y="16"/>
                  <a:pt x="222" y="22"/>
                </a:cubicBezTo>
                <a:cubicBezTo>
                  <a:pt x="217" y="28"/>
                  <a:pt x="222" y="28"/>
                  <a:pt x="208" y="26"/>
                </a:cubicBezTo>
                <a:cubicBezTo>
                  <a:pt x="195" y="24"/>
                  <a:pt x="193" y="28"/>
                  <a:pt x="192" y="30"/>
                </a:cubicBezTo>
                <a:cubicBezTo>
                  <a:pt x="192" y="33"/>
                  <a:pt x="190" y="37"/>
                  <a:pt x="181" y="35"/>
                </a:cubicBezTo>
                <a:cubicBezTo>
                  <a:pt x="172" y="33"/>
                  <a:pt x="154" y="34"/>
                  <a:pt x="151" y="40"/>
                </a:cubicBezTo>
                <a:cubicBezTo>
                  <a:pt x="148" y="45"/>
                  <a:pt x="133" y="40"/>
                  <a:pt x="132" y="46"/>
                </a:cubicBezTo>
                <a:cubicBezTo>
                  <a:pt x="130" y="53"/>
                  <a:pt x="130" y="55"/>
                  <a:pt x="118" y="53"/>
                </a:cubicBezTo>
                <a:cubicBezTo>
                  <a:pt x="107" y="51"/>
                  <a:pt x="104" y="51"/>
                  <a:pt x="94" y="44"/>
                </a:cubicBezTo>
                <a:cubicBezTo>
                  <a:pt x="84" y="36"/>
                  <a:pt x="85" y="44"/>
                  <a:pt x="78" y="36"/>
                </a:cubicBezTo>
                <a:cubicBezTo>
                  <a:pt x="72" y="27"/>
                  <a:pt x="72" y="30"/>
                  <a:pt x="64" y="26"/>
                </a:cubicBezTo>
                <a:cubicBezTo>
                  <a:pt x="56" y="22"/>
                  <a:pt x="39" y="34"/>
                  <a:pt x="30" y="22"/>
                </a:cubicBezTo>
                <a:cubicBezTo>
                  <a:pt x="20" y="10"/>
                  <a:pt x="16" y="0"/>
                  <a:pt x="8" y="12"/>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9" name="Freeform 1847">
            <a:extLst>
              <a:ext uri="{FF2B5EF4-FFF2-40B4-BE49-F238E27FC236}">
                <a16:creationId xmlns:a16="http://schemas.microsoft.com/office/drawing/2014/main" id="{76C11B01-30BC-413E-A878-CEB98F772333}"/>
              </a:ext>
            </a:extLst>
          </p:cNvPr>
          <p:cNvSpPr>
            <a:spLocks/>
          </p:cNvSpPr>
          <p:nvPr/>
        </p:nvSpPr>
        <p:spPr bwMode="auto">
          <a:xfrm>
            <a:off x="7381360" y="4264704"/>
            <a:ext cx="44303" cy="53798"/>
          </a:xfrm>
          <a:custGeom>
            <a:avLst/>
            <a:gdLst>
              <a:gd name="T0" fmla="*/ 21 w 54"/>
              <a:gd name="T1" fmla="*/ 0 h 67"/>
              <a:gd name="T2" fmla="*/ 7 w 54"/>
              <a:gd name="T3" fmla="*/ 10 h 67"/>
              <a:gd name="T4" fmla="*/ 19 w 54"/>
              <a:gd name="T5" fmla="*/ 31 h 67"/>
              <a:gd name="T6" fmla="*/ 32 w 54"/>
              <a:gd name="T7" fmla="*/ 47 h 67"/>
              <a:gd name="T8" fmla="*/ 39 w 54"/>
              <a:gd name="T9" fmla="*/ 62 h 67"/>
              <a:gd name="T10" fmla="*/ 46 w 54"/>
              <a:gd name="T11" fmla="*/ 56 h 67"/>
              <a:gd name="T12" fmla="*/ 46 w 54"/>
              <a:gd name="T13" fmla="*/ 21 h 67"/>
              <a:gd name="T14" fmla="*/ 21 w 54"/>
              <a:gd name="T15" fmla="*/ 0 h 6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4" h="67">
                <a:moveTo>
                  <a:pt x="21" y="0"/>
                </a:moveTo>
                <a:cubicBezTo>
                  <a:pt x="21" y="0"/>
                  <a:pt x="0" y="1"/>
                  <a:pt x="7" y="10"/>
                </a:cubicBezTo>
                <a:cubicBezTo>
                  <a:pt x="14" y="20"/>
                  <a:pt x="16" y="22"/>
                  <a:pt x="19" y="31"/>
                </a:cubicBezTo>
                <a:cubicBezTo>
                  <a:pt x="22" y="40"/>
                  <a:pt x="29" y="38"/>
                  <a:pt x="32" y="47"/>
                </a:cubicBezTo>
                <a:cubicBezTo>
                  <a:pt x="36" y="56"/>
                  <a:pt x="35" y="60"/>
                  <a:pt x="39" y="62"/>
                </a:cubicBezTo>
                <a:cubicBezTo>
                  <a:pt x="43" y="63"/>
                  <a:pt x="45" y="67"/>
                  <a:pt x="46" y="56"/>
                </a:cubicBezTo>
                <a:cubicBezTo>
                  <a:pt x="48" y="44"/>
                  <a:pt x="54" y="30"/>
                  <a:pt x="46" y="21"/>
                </a:cubicBezTo>
                <a:cubicBezTo>
                  <a:pt x="37" y="12"/>
                  <a:pt x="38" y="10"/>
                  <a:pt x="21" y="0"/>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10" name="Freeform 1848">
            <a:extLst>
              <a:ext uri="{FF2B5EF4-FFF2-40B4-BE49-F238E27FC236}">
                <a16:creationId xmlns:a16="http://schemas.microsoft.com/office/drawing/2014/main" id="{E3F0198B-213A-461E-9399-E69A53A78A10}"/>
              </a:ext>
            </a:extLst>
          </p:cNvPr>
          <p:cNvSpPr>
            <a:spLocks/>
          </p:cNvSpPr>
          <p:nvPr/>
        </p:nvSpPr>
        <p:spPr bwMode="auto">
          <a:xfrm>
            <a:off x="6811745" y="4021035"/>
            <a:ext cx="75949" cy="34811"/>
          </a:xfrm>
          <a:custGeom>
            <a:avLst/>
            <a:gdLst>
              <a:gd name="T0" fmla="*/ 50 w 96"/>
              <a:gd name="T1" fmla="*/ 2 h 44"/>
              <a:gd name="T2" fmla="*/ 36 w 96"/>
              <a:gd name="T3" fmla="*/ 7 h 44"/>
              <a:gd name="T4" fmla="*/ 21 w 96"/>
              <a:gd name="T5" fmla="*/ 13 h 44"/>
              <a:gd name="T6" fmla="*/ 9 w 96"/>
              <a:gd name="T7" fmla="*/ 18 h 44"/>
              <a:gd name="T8" fmla="*/ 4 w 96"/>
              <a:gd name="T9" fmla="*/ 26 h 44"/>
              <a:gd name="T10" fmla="*/ 14 w 96"/>
              <a:gd name="T11" fmla="*/ 36 h 44"/>
              <a:gd name="T12" fmla="*/ 29 w 96"/>
              <a:gd name="T13" fmla="*/ 42 h 44"/>
              <a:gd name="T14" fmla="*/ 50 w 96"/>
              <a:gd name="T15" fmla="*/ 40 h 44"/>
              <a:gd name="T16" fmla="*/ 76 w 96"/>
              <a:gd name="T17" fmla="*/ 31 h 44"/>
              <a:gd name="T18" fmla="*/ 95 w 96"/>
              <a:gd name="T19" fmla="*/ 23 h 44"/>
              <a:gd name="T20" fmla="*/ 79 w 96"/>
              <a:gd name="T21" fmla="*/ 15 h 44"/>
              <a:gd name="T22" fmla="*/ 50 w 96"/>
              <a:gd name="T23" fmla="*/ 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6" h="44">
                <a:moveTo>
                  <a:pt x="50" y="2"/>
                </a:moveTo>
                <a:cubicBezTo>
                  <a:pt x="50" y="2"/>
                  <a:pt x="38" y="0"/>
                  <a:pt x="36" y="7"/>
                </a:cubicBezTo>
                <a:cubicBezTo>
                  <a:pt x="33" y="14"/>
                  <a:pt x="29" y="14"/>
                  <a:pt x="21" y="13"/>
                </a:cubicBezTo>
                <a:cubicBezTo>
                  <a:pt x="13" y="12"/>
                  <a:pt x="10" y="14"/>
                  <a:pt x="9" y="18"/>
                </a:cubicBezTo>
                <a:cubicBezTo>
                  <a:pt x="8" y="22"/>
                  <a:pt x="0" y="19"/>
                  <a:pt x="4" y="26"/>
                </a:cubicBezTo>
                <a:cubicBezTo>
                  <a:pt x="7" y="34"/>
                  <a:pt x="12" y="32"/>
                  <a:pt x="14" y="36"/>
                </a:cubicBezTo>
                <a:cubicBezTo>
                  <a:pt x="16" y="41"/>
                  <a:pt x="18" y="42"/>
                  <a:pt x="29" y="42"/>
                </a:cubicBezTo>
                <a:cubicBezTo>
                  <a:pt x="40" y="42"/>
                  <a:pt x="45" y="44"/>
                  <a:pt x="50" y="40"/>
                </a:cubicBezTo>
                <a:cubicBezTo>
                  <a:pt x="56" y="36"/>
                  <a:pt x="68" y="32"/>
                  <a:pt x="76" y="31"/>
                </a:cubicBezTo>
                <a:cubicBezTo>
                  <a:pt x="84" y="30"/>
                  <a:pt x="94" y="26"/>
                  <a:pt x="95" y="23"/>
                </a:cubicBezTo>
                <a:cubicBezTo>
                  <a:pt x="96" y="20"/>
                  <a:pt x="85" y="16"/>
                  <a:pt x="79" y="15"/>
                </a:cubicBezTo>
                <a:cubicBezTo>
                  <a:pt x="73" y="14"/>
                  <a:pt x="74" y="2"/>
                  <a:pt x="50" y="2"/>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11" name="Freeform 1849">
            <a:extLst>
              <a:ext uri="{FF2B5EF4-FFF2-40B4-BE49-F238E27FC236}">
                <a16:creationId xmlns:a16="http://schemas.microsoft.com/office/drawing/2014/main" id="{4ADC36CC-CF9A-4725-BB3F-F13F215642F7}"/>
              </a:ext>
            </a:extLst>
          </p:cNvPr>
          <p:cNvSpPr>
            <a:spLocks/>
          </p:cNvSpPr>
          <p:nvPr/>
        </p:nvSpPr>
        <p:spPr bwMode="auto">
          <a:xfrm>
            <a:off x="6476305" y="2698265"/>
            <a:ext cx="88607" cy="47469"/>
          </a:xfrm>
          <a:custGeom>
            <a:avLst/>
            <a:gdLst>
              <a:gd name="T0" fmla="*/ 55 w 112"/>
              <a:gd name="T1" fmla="*/ 18 h 59"/>
              <a:gd name="T2" fmla="*/ 44 w 112"/>
              <a:gd name="T3" fmla="*/ 10 h 59"/>
              <a:gd name="T4" fmla="*/ 31 w 112"/>
              <a:gd name="T5" fmla="*/ 8 h 59"/>
              <a:gd name="T6" fmla="*/ 22 w 112"/>
              <a:gd name="T7" fmla="*/ 16 h 59"/>
              <a:gd name="T8" fmla="*/ 13 w 112"/>
              <a:gd name="T9" fmla="*/ 28 h 59"/>
              <a:gd name="T10" fmla="*/ 10 w 112"/>
              <a:gd name="T11" fmla="*/ 44 h 59"/>
              <a:gd name="T12" fmla="*/ 36 w 112"/>
              <a:gd name="T13" fmla="*/ 46 h 59"/>
              <a:gd name="T14" fmla="*/ 57 w 112"/>
              <a:gd name="T15" fmla="*/ 50 h 59"/>
              <a:gd name="T16" fmla="*/ 74 w 112"/>
              <a:gd name="T17" fmla="*/ 54 h 59"/>
              <a:gd name="T18" fmla="*/ 87 w 112"/>
              <a:gd name="T19" fmla="*/ 47 h 59"/>
              <a:gd name="T20" fmla="*/ 102 w 112"/>
              <a:gd name="T21" fmla="*/ 35 h 59"/>
              <a:gd name="T22" fmla="*/ 112 w 112"/>
              <a:gd name="T23" fmla="*/ 21 h 59"/>
              <a:gd name="T24" fmla="*/ 103 w 112"/>
              <a:gd name="T25" fmla="*/ 12 h 59"/>
              <a:gd name="T26" fmla="*/ 85 w 112"/>
              <a:gd name="T27" fmla="*/ 4 h 59"/>
              <a:gd name="T28" fmla="*/ 78 w 112"/>
              <a:gd name="T29" fmla="*/ 12 h 59"/>
              <a:gd name="T30" fmla="*/ 55 w 112"/>
              <a:gd name="T31" fmla="*/ 18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2" h="59">
                <a:moveTo>
                  <a:pt x="55" y="18"/>
                </a:moveTo>
                <a:cubicBezTo>
                  <a:pt x="55" y="18"/>
                  <a:pt x="49" y="16"/>
                  <a:pt x="44" y="10"/>
                </a:cubicBezTo>
                <a:cubicBezTo>
                  <a:pt x="40" y="5"/>
                  <a:pt x="31" y="0"/>
                  <a:pt x="31" y="8"/>
                </a:cubicBezTo>
                <a:cubicBezTo>
                  <a:pt x="30" y="15"/>
                  <a:pt x="29" y="16"/>
                  <a:pt x="22" y="16"/>
                </a:cubicBezTo>
                <a:cubicBezTo>
                  <a:pt x="15" y="16"/>
                  <a:pt x="13" y="23"/>
                  <a:pt x="13" y="28"/>
                </a:cubicBezTo>
                <a:cubicBezTo>
                  <a:pt x="14" y="34"/>
                  <a:pt x="0" y="42"/>
                  <a:pt x="10" y="44"/>
                </a:cubicBezTo>
                <a:cubicBezTo>
                  <a:pt x="20" y="46"/>
                  <a:pt x="29" y="41"/>
                  <a:pt x="36" y="46"/>
                </a:cubicBezTo>
                <a:cubicBezTo>
                  <a:pt x="43" y="52"/>
                  <a:pt x="51" y="44"/>
                  <a:pt x="57" y="50"/>
                </a:cubicBezTo>
                <a:cubicBezTo>
                  <a:pt x="64" y="57"/>
                  <a:pt x="72" y="59"/>
                  <a:pt x="74" y="54"/>
                </a:cubicBezTo>
                <a:cubicBezTo>
                  <a:pt x="77" y="49"/>
                  <a:pt x="79" y="47"/>
                  <a:pt x="87" y="47"/>
                </a:cubicBezTo>
                <a:cubicBezTo>
                  <a:pt x="95" y="47"/>
                  <a:pt x="95" y="37"/>
                  <a:pt x="102" y="35"/>
                </a:cubicBezTo>
                <a:cubicBezTo>
                  <a:pt x="109" y="32"/>
                  <a:pt x="111" y="29"/>
                  <a:pt x="112" y="21"/>
                </a:cubicBezTo>
                <a:cubicBezTo>
                  <a:pt x="112" y="14"/>
                  <a:pt x="106" y="20"/>
                  <a:pt x="103" y="12"/>
                </a:cubicBezTo>
                <a:cubicBezTo>
                  <a:pt x="99" y="4"/>
                  <a:pt x="90" y="4"/>
                  <a:pt x="85" y="4"/>
                </a:cubicBezTo>
                <a:cubicBezTo>
                  <a:pt x="80" y="5"/>
                  <a:pt x="85" y="12"/>
                  <a:pt x="78" y="12"/>
                </a:cubicBezTo>
                <a:cubicBezTo>
                  <a:pt x="72" y="13"/>
                  <a:pt x="70" y="21"/>
                  <a:pt x="55" y="18"/>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12" name="Freeform 1850">
            <a:extLst>
              <a:ext uri="{FF2B5EF4-FFF2-40B4-BE49-F238E27FC236}">
                <a16:creationId xmlns:a16="http://schemas.microsoft.com/office/drawing/2014/main" id="{6626B920-A981-46B7-99FF-666DF2A82ED0}"/>
              </a:ext>
            </a:extLst>
          </p:cNvPr>
          <p:cNvSpPr>
            <a:spLocks/>
          </p:cNvSpPr>
          <p:nvPr/>
        </p:nvSpPr>
        <p:spPr bwMode="auto">
          <a:xfrm>
            <a:off x="6564912" y="2695101"/>
            <a:ext cx="53798" cy="28482"/>
          </a:xfrm>
          <a:custGeom>
            <a:avLst/>
            <a:gdLst>
              <a:gd name="T0" fmla="*/ 19 w 67"/>
              <a:gd name="T1" fmla="*/ 2 h 38"/>
              <a:gd name="T2" fmla="*/ 6 w 67"/>
              <a:gd name="T3" fmla="*/ 13 h 38"/>
              <a:gd name="T4" fmla="*/ 21 w 67"/>
              <a:gd name="T5" fmla="*/ 24 h 38"/>
              <a:gd name="T6" fmla="*/ 40 w 67"/>
              <a:gd name="T7" fmla="*/ 34 h 38"/>
              <a:gd name="T8" fmla="*/ 62 w 67"/>
              <a:gd name="T9" fmla="*/ 29 h 38"/>
              <a:gd name="T10" fmla="*/ 60 w 67"/>
              <a:gd name="T11" fmla="*/ 14 h 38"/>
              <a:gd name="T12" fmla="*/ 44 w 67"/>
              <a:gd name="T13" fmla="*/ 1 h 38"/>
              <a:gd name="T14" fmla="*/ 19 w 67"/>
              <a:gd name="T15" fmla="*/ 2 h 3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7" h="38">
                <a:moveTo>
                  <a:pt x="19" y="2"/>
                </a:moveTo>
                <a:cubicBezTo>
                  <a:pt x="19" y="2"/>
                  <a:pt x="0" y="6"/>
                  <a:pt x="6" y="13"/>
                </a:cubicBezTo>
                <a:cubicBezTo>
                  <a:pt x="13" y="19"/>
                  <a:pt x="17" y="18"/>
                  <a:pt x="21" y="24"/>
                </a:cubicBezTo>
                <a:cubicBezTo>
                  <a:pt x="26" y="30"/>
                  <a:pt x="33" y="34"/>
                  <a:pt x="40" y="34"/>
                </a:cubicBezTo>
                <a:cubicBezTo>
                  <a:pt x="46" y="34"/>
                  <a:pt x="64" y="38"/>
                  <a:pt x="62" y="29"/>
                </a:cubicBezTo>
                <a:cubicBezTo>
                  <a:pt x="60" y="20"/>
                  <a:pt x="67" y="17"/>
                  <a:pt x="60" y="14"/>
                </a:cubicBezTo>
                <a:cubicBezTo>
                  <a:pt x="52" y="10"/>
                  <a:pt x="52" y="1"/>
                  <a:pt x="44" y="1"/>
                </a:cubicBezTo>
                <a:cubicBezTo>
                  <a:pt x="36" y="1"/>
                  <a:pt x="33" y="0"/>
                  <a:pt x="19" y="2"/>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13" name="Freeform 1851">
            <a:extLst>
              <a:ext uri="{FF2B5EF4-FFF2-40B4-BE49-F238E27FC236}">
                <a16:creationId xmlns:a16="http://schemas.microsoft.com/office/drawing/2014/main" id="{207D37E6-E6A9-4384-83FE-652A03EDD5DE}"/>
              </a:ext>
            </a:extLst>
          </p:cNvPr>
          <p:cNvSpPr>
            <a:spLocks/>
          </p:cNvSpPr>
          <p:nvPr/>
        </p:nvSpPr>
        <p:spPr bwMode="auto">
          <a:xfrm>
            <a:off x="6792758" y="2688772"/>
            <a:ext cx="34811" cy="41140"/>
          </a:xfrm>
          <a:custGeom>
            <a:avLst/>
            <a:gdLst>
              <a:gd name="T0" fmla="*/ 31 w 43"/>
              <a:gd name="T1" fmla="*/ 10 h 52"/>
              <a:gd name="T2" fmla="*/ 20 w 43"/>
              <a:gd name="T3" fmla="*/ 28 h 52"/>
              <a:gd name="T4" fmla="*/ 9 w 43"/>
              <a:gd name="T5" fmla="*/ 39 h 52"/>
              <a:gd name="T6" fmla="*/ 4 w 43"/>
              <a:gd name="T7" fmla="*/ 49 h 52"/>
              <a:gd name="T8" fmla="*/ 13 w 43"/>
              <a:gd name="T9" fmla="*/ 44 h 52"/>
              <a:gd name="T10" fmla="*/ 32 w 43"/>
              <a:gd name="T11" fmla="*/ 32 h 52"/>
              <a:gd name="T12" fmla="*/ 38 w 43"/>
              <a:gd name="T13" fmla="*/ 19 h 52"/>
              <a:gd name="T14" fmla="*/ 31 w 43"/>
              <a:gd name="T15" fmla="*/ 10 h 5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3" h="52">
                <a:moveTo>
                  <a:pt x="31" y="10"/>
                </a:moveTo>
                <a:cubicBezTo>
                  <a:pt x="31" y="10"/>
                  <a:pt x="26" y="24"/>
                  <a:pt x="20" y="28"/>
                </a:cubicBezTo>
                <a:cubicBezTo>
                  <a:pt x="14" y="33"/>
                  <a:pt x="13" y="37"/>
                  <a:pt x="9" y="39"/>
                </a:cubicBezTo>
                <a:cubicBezTo>
                  <a:pt x="5" y="41"/>
                  <a:pt x="0" y="46"/>
                  <a:pt x="4" y="49"/>
                </a:cubicBezTo>
                <a:cubicBezTo>
                  <a:pt x="9" y="52"/>
                  <a:pt x="7" y="49"/>
                  <a:pt x="13" y="44"/>
                </a:cubicBezTo>
                <a:cubicBezTo>
                  <a:pt x="18" y="40"/>
                  <a:pt x="29" y="41"/>
                  <a:pt x="32" y="32"/>
                </a:cubicBezTo>
                <a:cubicBezTo>
                  <a:pt x="35" y="24"/>
                  <a:pt x="32" y="24"/>
                  <a:pt x="38" y="19"/>
                </a:cubicBezTo>
                <a:cubicBezTo>
                  <a:pt x="43" y="15"/>
                  <a:pt x="38" y="0"/>
                  <a:pt x="31" y="10"/>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14" name="Freeform 1852">
            <a:extLst>
              <a:ext uri="{FF2B5EF4-FFF2-40B4-BE49-F238E27FC236}">
                <a16:creationId xmlns:a16="http://schemas.microsoft.com/office/drawing/2014/main" id="{9EB0A565-AC0A-457A-896A-2DA0045E5A47}"/>
              </a:ext>
            </a:extLst>
          </p:cNvPr>
          <p:cNvSpPr>
            <a:spLocks/>
          </p:cNvSpPr>
          <p:nvPr/>
        </p:nvSpPr>
        <p:spPr bwMode="auto">
          <a:xfrm>
            <a:off x="6799087" y="2831174"/>
            <a:ext cx="37974" cy="34811"/>
          </a:xfrm>
          <a:custGeom>
            <a:avLst/>
            <a:gdLst>
              <a:gd name="T0" fmla="*/ 24 w 46"/>
              <a:gd name="T1" fmla="*/ 4 h 44"/>
              <a:gd name="T2" fmla="*/ 10 w 46"/>
              <a:gd name="T3" fmla="*/ 10 h 44"/>
              <a:gd name="T4" fmla="*/ 11 w 46"/>
              <a:gd name="T5" fmla="*/ 33 h 44"/>
              <a:gd name="T6" fmla="*/ 26 w 46"/>
              <a:gd name="T7" fmla="*/ 38 h 44"/>
              <a:gd name="T8" fmla="*/ 41 w 46"/>
              <a:gd name="T9" fmla="*/ 40 h 44"/>
              <a:gd name="T10" fmla="*/ 39 w 46"/>
              <a:gd name="T11" fmla="*/ 30 h 44"/>
              <a:gd name="T12" fmla="*/ 34 w 46"/>
              <a:gd name="T13" fmla="*/ 19 h 44"/>
              <a:gd name="T14" fmla="*/ 41 w 46"/>
              <a:gd name="T15" fmla="*/ 9 h 44"/>
              <a:gd name="T16" fmla="*/ 24 w 46"/>
              <a:gd name="T17" fmla="*/ 4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44">
                <a:moveTo>
                  <a:pt x="24" y="4"/>
                </a:moveTo>
                <a:cubicBezTo>
                  <a:pt x="24" y="4"/>
                  <a:pt x="8" y="0"/>
                  <a:pt x="10" y="10"/>
                </a:cubicBezTo>
                <a:cubicBezTo>
                  <a:pt x="12" y="20"/>
                  <a:pt x="0" y="30"/>
                  <a:pt x="11" y="33"/>
                </a:cubicBezTo>
                <a:cubicBezTo>
                  <a:pt x="23" y="36"/>
                  <a:pt x="25" y="33"/>
                  <a:pt x="26" y="38"/>
                </a:cubicBezTo>
                <a:cubicBezTo>
                  <a:pt x="28" y="42"/>
                  <a:pt x="39" y="44"/>
                  <a:pt x="41" y="40"/>
                </a:cubicBezTo>
                <a:cubicBezTo>
                  <a:pt x="42" y="37"/>
                  <a:pt x="46" y="32"/>
                  <a:pt x="39" y="30"/>
                </a:cubicBezTo>
                <a:cubicBezTo>
                  <a:pt x="33" y="28"/>
                  <a:pt x="29" y="21"/>
                  <a:pt x="34" y="19"/>
                </a:cubicBezTo>
                <a:cubicBezTo>
                  <a:pt x="40" y="17"/>
                  <a:pt x="44" y="17"/>
                  <a:pt x="41" y="9"/>
                </a:cubicBezTo>
                <a:cubicBezTo>
                  <a:pt x="39" y="2"/>
                  <a:pt x="33" y="3"/>
                  <a:pt x="24" y="4"/>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15" name="Freeform 1853">
            <a:extLst>
              <a:ext uri="{FF2B5EF4-FFF2-40B4-BE49-F238E27FC236}">
                <a16:creationId xmlns:a16="http://schemas.microsoft.com/office/drawing/2014/main" id="{4191C426-73FD-412D-BDEC-F37036930624}"/>
              </a:ext>
            </a:extLst>
          </p:cNvPr>
          <p:cNvSpPr>
            <a:spLocks/>
          </p:cNvSpPr>
          <p:nvPr/>
        </p:nvSpPr>
        <p:spPr bwMode="auto">
          <a:xfrm>
            <a:off x="6941490" y="2970413"/>
            <a:ext cx="44303" cy="25316"/>
          </a:xfrm>
          <a:custGeom>
            <a:avLst/>
            <a:gdLst>
              <a:gd name="T0" fmla="*/ 24 w 53"/>
              <a:gd name="T1" fmla="*/ 0 h 32"/>
              <a:gd name="T2" fmla="*/ 11 w 53"/>
              <a:gd name="T3" fmla="*/ 7 h 32"/>
              <a:gd name="T4" fmla="*/ 4 w 53"/>
              <a:gd name="T5" fmla="*/ 19 h 32"/>
              <a:gd name="T6" fmla="*/ 19 w 53"/>
              <a:gd name="T7" fmla="*/ 23 h 32"/>
              <a:gd name="T8" fmla="*/ 36 w 53"/>
              <a:gd name="T9" fmla="*/ 11 h 32"/>
              <a:gd name="T10" fmla="*/ 45 w 53"/>
              <a:gd name="T11" fmla="*/ 4 h 32"/>
              <a:gd name="T12" fmla="*/ 24 w 53"/>
              <a:gd name="T13" fmla="*/ 0 h 32"/>
            </a:gdLst>
            <a:ahLst/>
            <a:cxnLst>
              <a:cxn ang="0">
                <a:pos x="T0" y="T1"/>
              </a:cxn>
              <a:cxn ang="0">
                <a:pos x="T2" y="T3"/>
              </a:cxn>
              <a:cxn ang="0">
                <a:pos x="T4" y="T5"/>
              </a:cxn>
              <a:cxn ang="0">
                <a:pos x="T6" y="T7"/>
              </a:cxn>
              <a:cxn ang="0">
                <a:pos x="T8" y="T9"/>
              </a:cxn>
              <a:cxn ang="0">
                <a:pos x="T10" y="T11"/>
              </a:cxn>
              <a:cxn ang="0">
                <a:pos x="T12" y="T13"/>
              </a:cxn>
            </a:cxnLst>
            <a:rect l="0" t="0" r="r" b="b"/>
            <a:pathLst>
              <a:path w="53" h="32">
                <a:moveTo>
                  <a:pt x="24" y="0"/>
                </a:moveTo>
                <a:cubicBezTo>
                  <a:pt x="24" y="0"/>
                  <a:pt x="13" y="2"/>
                  <a:pt x="11" y="7"/>
                </a:cubicBezTo>
                <a:cubicBezTo>
                  <a:pt x="9" y="12"/>
                  <a:pt x="0" y="10"/>
                  <a:pt x="4" y="19"/>
                </a:cubicBezTo>
                <a:cubicBezTo>
                  <a:pt x="8" y="27"/>
                  <a:pt x="17" y="32"/>
                  <a:pt x="19" y="23"/>
                </a:cubicBezTo>
                <a:cubicBezTo>
                  <a:pt x="21" y="15"/>
                  <a:pt x="30" y="11"/>
                  <a:pt x="36" y="11"/>
                </a:cubicBezTo>
                <a:cubicBezTo>
                  <a:pt x="41" y="11"/>
                  <a:pt x="53" y="8"/>
                  <a:pt x="45" y="4"/>
                </a:cubicBezTo>
                <a:cubicBezTo>
                  <a:pt x="37" y="1"/>
                  <a:pt x="33" y="0"/>
                  <a:pt x="24" y="0"/>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16" name="Freeform 1854">
            <a:extLst>
              <a:ext uri="{FF2B5EF4-FFF2-40B4-BE49-F238E27FC236}">
                <a16:creationId xmlns:a16="http://schemas.microsoft.com/office/drawing/2014/main" id="{F90C65FC-8BB7-4A07-92B9-9C209E895AC4}"/>
              </a:ext>
            </a:extLst>
          </p:cNvPr>
          <p:cNvSpPr>
            <a:spLocks/>
          </p:cNvSpPr>
          <p:nvPr/>
        </p:nvSpPr>
        <p:spPr bwMode="auto">
          <a:xfrm>
            <a:off x="5612389" y="3416612"/>
            <a:ext cx="15824" cy="31645"/>
          </a:xfrm>
          <a:custGeom>
            <a:avLst/>
            <a:gdLst>
              <a:gd name="T0" fmla="*/ 12 w 18"/>
              <a:gd name="T1" fmla="*/ 2 h 40"/>
              <a:gd name="T2" fmla="*/ 8 w 18"/>
              <a:gd name="T3" fmla="*/ 14 h 40"/>
              <a:gd name="T4" fmla="*/ 5 w 18"/>
              <a:gd name="T5" fmla="*/ 22 h 40"/>
              <a:gd name="T6" fmla="*/ 3 w 18"/>
              <a:gd name="T7" fmla="*/ 38 h 40"/>
              <a:gd name="T8" fmla="*/ 16 w 18"/>
              <a:gd name="T9" fmla="*/ 30 h 40"/>
              <a:gd name="T10" fmla="*/ 12 w 18"/>
              <a:gd name="T11" fmla="*/ 2 h 40"/>
            </a:gdLst>
            <a:ahLst/>
            <a:cxnLst>
              <a:cxn ang="0">
                <a:pos x="T0" y="T1"/>
              </a:cxn>
              <a:cxn ang="0">
                <a:pos x="T2" y="T3"/>
              </a:cxn>
              <a:cxn ang="0">
                <a:pos x="T4" y="T5"/>
              </a:cxn>
              <a:cxn ang="0">
                <a:pos x="T6" y="T7"/>
              </a:cxn>
              <a:cxn ang="0">
                <a:pos x="T8" y="T9"/>
              </a:cxn>
              <a:cxn ang="0">
                <a:pos x="T10" y="T11"/>
              </a:cxn>
            </a:cxnLst>
            <a:rect l="0" t="0" r="r" b="b"/>
            <a:pathLst>
              <a:path w="18" h="40">
                <a:moveTo>
                  <a:pt x="12" y="2"/>
                </a:moveTo>
                <a:cubicBezTo>
                  <a:pt x="12" y="2"/>
                  <a:pt x="7" y="9"/>
                  <a:pt x="8" y="14"/>
                </a:cubicBezTo>
                <a:cubicBezTo>
                  <a:pt x="9" y="18"/>
                  <a:pt x="11" y="22"/>
                  <a:pt x="5" y="22"/>
                </a:cubicBezTo>
                <a:cubicBezTo>
                  <a:pt x="0" y="23"/>
                  <a:pt x="0" y="38"/>
                  <a:pt x="3" y="38"/>
                </a:cubicBezTo>
                <a:cubicBezTo>
                  <a:pt x="7" y="38"/>
                  <a:pt x="14" y="40"/>
                  <a:pt x="16" y="30"/>
                </a:cubicBezTo>
                <a:cubicBezTo>
                  <a:pt x="18" y="19"/>
                  <a:pt x="18" y="0"/>
                  <a:pt x="12" y="2"/>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17" name="Freeform 1855">
            <a:extLst>
              <a:ext uri="{FF2B5EF4-FFF2-40B4-BE49-F238E27FC236}">
                <a16:creationId xmlns:a16="http://schemas.microsoft.com/office/drawing/2014/main" id="{CC5E7C74-FB1F-4253-9BC3-E2F15BED21EB}"/>
              </a:ext>
            </a:extLst>
          </p:cNvPr>
          <p:cNvSpPr>
            <a:spLocks/>
          </p:cNvSpPr>
          <p:nvPr/>
        </p:nvSpPr>
        <p:spPr bwMode="auto">
          <a:xfrm>
            <a:off x="5732641" y="3198259"/>
            <a:ext cx="6329" cy="9495"/>
          </a:xfrm>
          <a:custGeom>
            <a:avLst/>
            <a:gdLst>
              <a:gd name="T0" fmla="*/ 3 w 8"/>
              <a:gd name="T1" fmla="*/ 3 h 12"/>
              <a:gd name="T2" fmla="*/ 0 w 8"/>
              <a:gd name="T3" fmla="*/ 7 h 12"/>
              <a:gd name="T4" fmla="*/ 5 w 8"/>
              <a:gd name="T5" fmla="*/ 12 h 12"/>
              <a:gd name="T6" fmla="*/ 3 w 8"/>
              <a:gd name="T7" fmla="*/ 3 h 12"/>
            </a:gdLst>
            <a:ahLst/>
            <a:cxnLst>
              <a:cxn ang="0">
                <a:pos x="T0" y="T1"/>
              </a:cxn>
              <a:cxn ang="0">
                <a:pos x="T2" y="T3"/>
              </a:cxn>
              <a:cxn ang="0">
                <a:pos x="T4" y="T5"/>
              </a:cxn>
              <a:cxn ang="0">
                <a:pos x="T6" y="T7"/>
              </a:cxn>
            </a:cxnLst>
            <a:rect l="0" t="0" r="r" b="b"/>
            <a:pathLst>
              <a:path w="8" h="12">
                <a:moveTo>
                  <a:pt x="3" y="3"/>
                </a:moveTo>
                <a:cubicBezTo>
                  <a:pt x="3" y="3"/>
                  <a:pt x="0" y="4"/>
                  <a:pt x="0" y="7"/>
                </a:cubicBezTo>
                <a:cubicBezTo>
                  <a:pt x="0" y="10"/>
                  <a:pt x="3" y="12"/>
                  <a:pt x="5" y="12"/>
                </a:cubicBezTo>
                <a:cubicBezTo>
                  <a:pt x="6" y="12"/>
                  <a:pt x="8" y="0"/>
                  <a:pt x="3" y="3"/>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18" name="Freeform 1856">
            <a:extLst>
              <a:ext uri="{FF2B5EF4-FFF2-40B4-BE49-F238E27FC236}">
                <a16:creationId xmlns:a16="http://schemas.microsoft.com/office/drawing/2014/main" id="{EFB1AFDD-4F95-46D4-8931-9954D1391331}"/>
              </a:ext>
            </a:extLst>
          </p:cNvPr>
          <p:cNvSpPr>
            <a:spLocks/>
          </p:cNvSpPr>
          <p:nvPr/>
        </p:nvSpPr>
        <p:spPr bwMode="auto">
          <a:xfrm>
            <a:off x="8337047" y="4299513"/>
            <a:ext cx="408225" cy="401895"/>
          </a:xfrm>
          <a:custGeom>
            <a:avLst/>
            <a:gdLst>
              <a:gd name="T0" fmla="*/ 274 w 512"/>
              <a:gd name="T1" fmla="*/ 195 h 504"/>
              <a:gd name="T2" fmla="*/ 226 w 512"/>
              <a:gd name="T3" fmla="*/ 236 h 504"/>
              <a:gd name="T4" fmla="*/ 177 w 512"/>
              <a:gd name="T5" fmla="*/ 260 h 504"/>
              <a:gd name="T6" fmla="*/ 146 w 512"/>
              <a:gd name="T7" fmla="*/ 280 h 504"/>
              <a:gd name="T8" fmla="*/ 106 w 512"/>
              <a:gd name="T9" fmla="*/ 307 h 504"/>
              <a:gd name="T10" fmla="*/ 70 w 512"/>
              <a:gd name="T11" fmla="*/ 352 h 504"/>
              <a:gd name="T12" fmla="*/ 46 w 512"/>
              <a:gd name="T13" fmla="*/ 365 h 504"/>
              <a:gd name="T14" fmla="*/ 38 w 512"/>
              <a:gd name="T15" fmla="*/ 388 h 504"/>
              <a:gd name="T16" fmla="*/ 21 w 512"/>
              <a:gd name="T17" fmla="*/ 403 h 504"/>
              <a:gd name="T18" fmla="*/ 0 w 512"/>
              <a:gd name="T19" fmla="*/ 423 h 504"/>
              <a:gd name="T20" fmla="*/ 14 w 512"/>
              <a:gd name="T21" fmla="*/ 451 h 504"/>
              <a:gd name="T22" fmla="*/ 53 w 512"/>
              <a:gd name="T23" fmla="*/ 464 h 504"/>
              <a:gd name="T24" fmla="*/ 73 w 512"/>
              <a:gd name="T25" fmla="*/ 459 h 504"/>
              <a:gd name="T26" fmla="*/ 94 w 512"/>
              <a:gd name="T27" fmla="*/ 476 h 504"/>
              <a:gd name="T28" fmla="*/ 118 w 512"/>
              <a:gd name="T29" fmla="*/ 484 h 504"/>
              <a:gd name="T30" fmla="*/ 141 w 512"/>
              <a:gd name="T31" fmla="*/ 493 h 504"/>
              <a:gd name="T32" fmla="*/ 202 w 512"/>
              <a:gd name="T33" fmla="*/ 489 h 504"/>
              <a:gd name="T34" fmla="*/ 249 w 512"/>
              <a:gd name="T35" fmla="*/ 443 h 504"/>
              <a:gd name="T36" fmla="*/ 281 w 512"/>
              <a:gd name="T37" fmla="*/ 408 h 504"/>
              <a:gd name="T38" fmla="*/ 306 w 512"/>
              <a:gd name="T39" fmla="*/ 349 h 504"/>
              <a:gd name="T40" fmla="*/ 346 w 512"/>
              <a:gd name="T41" fmla="*/ 288 h 504"/>
              <a:gd name="T42" fmla="*/ 406 w 512"/>
              <a:gd name="T43" fmla="*/ 276 h 504"/>
              <a:gd name="T44" fmla="*/ 425 w 512"/>
              <a:gd name="T45" fmla="*/ 260 h 504"/>
              <a:gd name="T46" fmla="*/ 405 w 512"/>
              <a:gd name="T47" fmla="*/ 227 h 504"/>
              <a:gd name="T48" fmla="*/ 442 w 512"/>
              <a:gd name="T49" fmla="*/ 189 h 504"/>
              <a:gd name="T50" fmla="*/ 476 w 512"/>
              <a:gd name="T51" fmla="*/ 148 h 504"/>
              <a:gd name="T52" fmla="*/ 501 w 512"/>
              <a:gd name="T53" fmla="*/ 113 h 504"/>
              <a:gd name="T54" fmla="*/ 496 w 512"/>
              <a:gd name="T55" fmla="*/ 71 h 504"/>
              <a:gd name="T56" fmla="*/ 501 w 512"/>
              <a:gd name="T57" fmla="*/ 57 h 504"/>
              <a:gd name="T58" fmla="*/ 481 w 512"/>
              <a:gd name="T59" fmla="*/ 67 h 504"/>
              <a:gd name="T60" fmla="*/ 485 w 512"/>
              <a:gd name="T61" fmla="*/ 33 h 504"/>
              <a:gd name="T62" fmla="*/ 464 w 512"/>
              <a:gd name="T63" fmla="*/ 51 h 504"/>
              <a:gd name="T64" fmla="*/ 425 w 512"/>
              <a:gd name="T65" fmla="*/ 67 h 504"/>
              <a:gd name="T66" fmla="*/ 414 w 512"/>
              <a:gd name="T67" fmla="*/ 29 h 504"/>
              <a:gd name="T68" fmla="*/ 414 w 512"/>
              <a:gd name="T69" fmla="*/ 16 h 504"/>
              <a:gd name="T70" fmla="*/ 398 w 512"/>
              <a:gd name="T71" fmla="*/ 12 h 504"/>
              <a:gd name="T72" fmla="*/ 372 w 512"/>
              <a:gd name="T73" fmla="*/ 32 h 504"/>
              <a:gd name="T74" fmla="*/ 362 w 512"/>
              <a:gd name="T75" fmla="*/ 61 h 504"/>
              <a:gd name="T76" fmla="*/ 348 w 512"/>
              <a:gd name="T77" fmla="*/ 99 h 504"/>
              <a:gd name="T78" fmla="*/ 310 w 512"/>
              <a:gd name="T79" fmla="*/ 136 h 504"/>
              <a:gd name="T80" fmla="*/ 274 w 512"/>
              <a:gd name="T81" fmla="*/ 195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04">
                <a:moveTo>
                  <a:pt x="274" y="195"/>
                </a:moveTo>
                <a:cubicBezTo>
                  <a:pt x="274" y="195"/>
                  <a:pt x="244" y="225"/>
                  <a:pt x="226" y="236"/>
                </a:cubicBezTo>
                <a:cubicBezTo>
                  <a:pt x="209" y="247"/>
                  <a:pt x="189" y="249"/>
                  <a:pt x="177" y="260"/>
                </a:cubicBezTo>
                <a:cubicBezTo>
                  <a:pt x="165" y="271"/>
                  <a:pt x="164" y="280"/>
                  <a:pt x="146" y="280"/>
                </a:cubicBezTo>
                <a:cubicBezTo>
                  <a:pt x="129" y="280"/>
                  <a:pt x="116" y="287"/>
                  <a:pt x="106" y="307"/>
                </a:cubicBezTo>
                <a:cubicBezTo>
                  <a:pt x="97" y="327"/>
                  <a:pt x="73" y="341"/>
                  <a:pt x="70" y="352"/>
                </a:cubicBezTo>
                <a:cubicBezTo>
                  <a:pt x="68" y="363"/>
                  <a:pt x="56" y="361"/>
                  <a:pt x="46" y="365"/>
                </a:cubicBezTo>
                <a:cubicBezTo>
                  <a:pt x="37" y="369"/>
                  <a:pt x="38" y="375"/>
                  <a:pt x="38" y="388"/>
                </a:cubicBezTo>
                <a:cubicBezTo>
                  <a:pt x="38" y="401"/>
                  <a:pt x="22" y="391"/>
                  <a:pt x="21" y="403"/>
                </a:cubicBezTo>
                <a:cubicBezTo>
                  <a:pt x="20" y="415"/>
                  <a:pt x="0" y="396"/>
                  <a:pt x="0" y="423"/>
                </a:cubicBezTo>
                <a:cubicBezTo>
                  <a:pt x="0" y="449"/>
                  <a:pt x="1" y="445"/>
                  <a:pt x="14" y="451"/>
                </a:cubicBezTo>
                <a:cubicBezTo>
                  <a:pt x="28" y="456"/>
                  <a:pt x="49" y="479"/>
                  <a:pt x="53" y="464"/>
                </a:cubicBezTo>
                <a:cubicBezTo>
                  <a:pt x="57" y="449"/>
                  <a:pt x="66" y="448"/>
                  <a:pt x="73" y="459"/>
                </a:cubicBezTo>
                <a:cubicBezTo>
                  <a:pt x="80" y="469"/>
                  <a:pt x="82" y="476"/>
                  <a:pt x="94" y="476"/>
                </a:cubicBezTo>
                <a:cubicBezTo>
                  <a:pt x="106" y="476"/>
                  <a:pt x="116" y="480"/>
                  <a:pt x="118" y="484"/>
                </a:cubicBezTo>
                <a:cubicBezTo>
                  <a:pt x="121" y="488"/>
                  <a:pt x="130" y="493"/>
                  <a:pt x="141" y="493"/>
                </a:cubicBezTo>
                <a:cubicBezTo>
                  <a:pt x="152" y="493"/>
                  <a:pt x="193" y="504"/>
                  <a:pt x="202" y="489"/>
                </a:cubicBezTo>
                <a:cubicBezTo>
                  <a:pt x="212" y="475"/>
                  <a:pt x="233" y="451"/>
                  <a:pt x="249" y="443"/>
                </a:cubicBezTo>
                <a:cubicBezTo>
                  <a:pt x="265" y="435"/>
                  <a:pt x="274" y="431"/>
                  <a:pt x="281" y="408"/>
                </a:cubicBezTo>
                <a:cubicBezTo>
                  <a:pt x="288" y="385"/>
                  <a:pt x="304" y="375"/>
                  <a:pt x="306" y="349"/>
                </a:cubicBezTo>
                <a:cubicBezTo>
                  <a:pt x="309" y="324"/>
                  <a:pt x="321" y="293"/>
                  <a:pt x="346" y="288"/>
                </a:cubicBezTo>
                <a:cubicBezTo>
                  <a:pt x="372" y="283"/>
                  <a:pt x="385" y="276"/>
                  <a:pt x="406" y="276"/>
                </a:cubicBezTo>
                <a:cubicBezTo>
                  <a:pt x="428" y="276"/>
                  <a:pt x="436" y="271"/>
                  <a:pt x="425" y="260"/>
                </a:cubicBezTo>
                <a:cubicBezTo>
                  <a:pt x="414" y="249"/>
                  <a:pt x="390" y="236"/>
                  <a:pt x="405" y="227"/>
                </a:cubicBezTo>
                <a:cubicBezTo>
                  <a:pt x="420" y="217"/>
                  <a:pt x="437" y="208"/>
                  <a:pt x="442" y="189"/>
                </a:cubicBezTo>
                <a:cubicBezTo>
                  <a:pt x="448" y="171"/>
                  <a:pt x="460" y="156"/>
                  <a:pt x="476" y="148"/>
                </a:cubicBezTo>
                <a:cubicBezTo>
                  <a:pt x="492" y="140"/>
                  <a:pt x="501" y="128"/>
                  <a:pt x="501" y="113"/>
                </a:cubicBezTo>
                <a:cubicBezTo>
                  <a:pt x="501" y="99"/>
                  <a:pt x="488" y="79"/>
                  <a:pt x="496" y="71"/>
                </a:cubicBezTo>
                <a:cubicBezTo>
                  <a:pt x="504" y="63"/>
                  <a:pt x="512" y="59"/>
                  <a:pt x="501" y="57"/>
                </a:cubicBezTo>
                <a:cubicBezTo>
                  <a:pt x="490" y="56"/>
                  <a:pt x="488" y="77"/>
                  <a:pt x="481" y="67"/>
                </a:cubicBezTo>
                <a:cubicBezTo>
                  <a:pt x="474" y="56"/>
                  <a:pt x="493" y="44"/>
                  <a:pt x="485" y="33"/>
                </a:cubicBezTo>
                <a:cubicBezTo>
                  <a:pt x="477" y="23"/>
                  <a:pt x="477" y="47"/>
                  <a:pt x="464" y="51"/>
                </a:cubicBezTo>
                <a:cubicBezTo>
                  <a:pt x="450" y="55"/>
                  <a:pt x="430" y="91"/>
                  <a:pt x="425" y="67"/>
                </a:cubicBezTo>
                <a:cubicBezTo>
                  <a:pt x="420" y="43"/>
                  <a:pt x="422" y="32"/>
                  <a:pt x="414" y="29"/>
                </a:cubicBezTo>
                <a:cubicBezTo>
                  <a:pt x="406" y="27"/>
                  <a:pt x="404" y="23"/>
                  <a:pt x="414" y="16"/>
                </a:cubicBezTo>
                <a:cubicBezTo>
                  <a:pt x="425" y="9"/>
                  <a:pt x="409" y="0"/>
                  <a:pt x="398" y="12"/>
                </a:cubicBezTo>
                <a:cubicBezTo>
                  <a:pt x="388" y="24"/>
                  <a:pt x="377" y="25"/>
                  <a:pt x="372" y="32"/>
                </a:cubicBezTo>
                <a:cubicBezTo>
                  <a:pt x="366" y="39"/>
                  <a:pt x="360" y="39"/>
                  <a:pt x="362" y="61"/>
                </a:cubicBezTo>
                <a:cubicBezTo>
                  <a:pt x="365" y="84"/>
                  <a:pt x="368" y="88"/>
                  <a:pt x="348" y="99"/>
                </a:cubicBezTo>
                <a:cubicBezTo>
                  <a:pt x="328" y="109"/>
                  <a:pt x="316" y="111"/>
                  <a:pt x="310" y="136"/>
                </a:cubicBezTo>
                <a:cubicBezTo>
                  <a:pt x="305" y="161"/>
                  <a:pt x="290" y="181"/>
                  <a:pt x="274" y="195"/>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19" name="Freeform 1857">
            <a:extLst>
              <a:ext uri="{FF2B5EF4-FFF2-40B4-BE49-F238E27FC236}">
                <a16:creationId xmlns:a16="http://schemas.microsoft.com/office/drawing/2014/main" id="{B51D4C7E-72C4-4DEA-AA1B-CDF93483B499}"/>
              </a:ext>
            </a:extLst>
          </p:cNvPr>
          <p:cNvSpPr>
            <a:spLocks/>
          </p:cNvSpPr>
          <p:nvPr/>
        </p:nvSpPr>
        <p:spPr bwMode="auto">
          <a:xfrm>
            <a:off x="8650334" y="3948252"/>
            <a:ext cx="306960" cy="433541"/>
          </a:xfrm>
          <a:custGeom>
            <a:avLst/>
            <a:gdLst>
              <a:gd name="T0" fmla="*/ 17 w 383"/>
              <a:gd name="T1" fmla="*/ 27 h 543"/>
              <a:gd name="T2" fmla="*/ 31 w 383"/>
              <a:gd name="T3" fmla="*/ 60 h 543"/>
              <a:gd name="T4" fmla="*/ 54 w 383"/>
              <a:gd name="T5" fmla="*/ 93 h 543"/>
              <a:gd name="T6" fmla="*/ 74 w 383"/>
              <a:gd name="T7" fmla="*/ 128 h 543"/>
              <a:gd name="T8" fmla="*/ 94 w 383"/>
              <a:gd name="T9" fmla="*/ 139 h 543"/>
              <a:gd name="T10" fmla="*/ 105 w 383"/>
              <a:gd name="T11" fmla="*/ 155 h 543"/>
              <a:gd name="T12" fmla="*/ 115 w 383"/>
              <a:gd name="T13" fmla="*/ 187 h 543"/>
              <a:gd name="T14" fmla="*/ 135 w 383"/>
              <a:gd name="T15" fmla="*/ 213 h 543"/>
              <a:gd name="T16" fmla="*/ 130 w 383"/>
              <a:gd name="T17" fmla="*/ 289 h 543"/>
              <a:gd name="T18" fmla="*/ 126 w 383"/>
              <a:gd name="T19" fmla="*/ 309 h 543"/>
              <a:gd name="T20" fmla="*/ 117 w 383"/>
              <a:gd name="T21" fmla="*/ 339 h 543"/>
              <a:gd name="T22" fmla="*/ 93 w 383"/>
              <a:gd name="T23" fmla="*/ 345 h 543"/>
              <a:gd name="T24" fmla="*/ 84 w 383"/>
              <a:gd name="T25" fmla="*/ 352 h 543"/>
              <a:gd name="T26" fmla="*/ 70 w 383"/>
              <a:gd name="T27" fmla="*/ 363 h 543"/>
              <a:gd name="T28" fmla="*/ 88 w 383"/>
              <a:gd name="T29" fmla="*/ 385 h 543"/>
              <a:gd name="T30" fmla="*/ 113 w 383"/>
              <a:gd name="T31" fmla="*/ 400 h 543"/>
              <a:gd name="T32" fmla="*/ 140 w 383"/>
              <a:gd name="T33" fmla="*/ 413 h 543"/>
              <a:gd name="T34" fmla="*/ 165 w 383"/>
              <a:gd name="T35" fmla="*/ 432 h 543"/>
              <a:gd name="T36" fmla="*/ 170 w 383"/>
              <a:gd name="T37" fmla="*/ 454 h 543"/>
              <a:gd name="T38" fmla="*/ 157 w 383"/>
              <a:gd name="T39" fmla="*/ 481 h 543"/>
              <a:gd name="T40" fmla="*/ 137 w 383"/>
              <a:gd name="T41" fmla="*/ 517 h 543"/>
              <a:gd name="T42" fmla="*/ 163 w 383"/>
              <a:gd name="T43" fmla="*/ 529 h 543"/>
              <a:gd name="T44" fmla="*/ 196 w 383"/>
              <a:gd name="T45" fmla="*/ 534 h 543"/>
              <a:gd name="T46" fmla="*/ 224 w 383"/>
              <a:gd name="T47" fmla="*/ 498 h 543"/>
              <a:gd name="T48" fmla="*/ 251 w 383"/>
              <a:gd name="T49" fmla="*/ 458 h 543"/>
              <a:gd name="T50" fmla="*/ 282 w 383"/>
              <a:gd name="T51" fmla="*/ 417 h 543"/>
              <a:gd name="T52" fmla="*/ 284 w 383"/>
              <a:gd name="T53" fmla="*/ 399 h 543"/>
              <a:gd name="T54" fmla="*/ 281 w 383"/>
              <a:gd name="T55" fmla="*/ 374 h 543"/>
              <a:gd name="T56" fmla="*/ 295 w 383"/>
              <a:gd name="T57" fmla="*/ 354 h 543"/>
              <a:gd name="T58" fmla="*/ 323 w 383"/>
              <a:gd name="T59" fmla="*/ 355 h 543"/>
              <a:gd name="T60" fmla="*/ 345 w 383"/>
              <a:gd name="T61" fmla="*/ 358 h 543"/>
              <a:gd name="T62" fmla="*/ 342 w 383"/>
              <a:gd name="T63" fmla="*/ 351 h 543"/>
              <a:gd name="T64" fmla="*/ 340 w 383"/>
              <a:gd name="T65" fmla="*/ 334 h 543"/>
              <a:gd name="T66" fmla="*/ 350 w 383"/>
              <a:gd name="T67" fmla="*/ 322 h 543"/>
              <a:gd name="T68" fmla="*/ 362 w 383"/>
              <a:gd name="T69" fmla="*/ 311 h 543"/>
              <a:gd name="T70" fmla="*/ 373 w 383"/>
              <a:gd name="T71" fmla="*/ 289 h 543"/>
              <a:gd name="T72" fmla="*/ 373 w 383"/>
              <a:gd name="T73" fmla="*/ 258 h 543"/>
              <a:gd name="T74" fmla="*/ 381 w 383"/>
              <a:gd name="T75" fmla="*/ 245 h 543"/>
              <a:gd name="T76" fmla="*/ 370 w 383"/>
              <a:gd name="T77" fmla="*/ 239 h 543"/>
              <a:gd name="T78" fmla="*/ 347 w 383"/>
              <a:gd name="T79" fmla="*/ 231 h 543"/>
              <a:gd name="T80" fmla="*/ 329 w 383"/>
              <a:gd name="T81" fmla="*/ 241 h 543"/>
              <a:gd name="T82" fmla="*/ 310 w 383"/>
              <a:gd name="T83" fmla="*/ 258 h 543"/>
              <a:gd name="T84" fmla="*/ 280 w 383"/>
              <a:gd name="T85" fmla="*/ 267 h 543"/>
              <a:gd name="T86" fmla="*/ 261 w 383"/>
              <a:gd name="T87" fmla="*/ 255 h 543"/>
              <a:gd name="T88" fmla="*/ 250 w 383"/>
              <a:gd name="T89" fmla="*/ 247 h 543"/>
              <a:gd name="T90" fmla="*/ 226 w 383"/>
              <a:gd name="T91" fmla="*/ 240 h 543"/>
              <a:gd name="T92" fmla="*/ 216 w 383"/>
              <a:gd name="T93" fmla="*/ 226 h 543"/>
              <a:gd name="T94" fmla="*/ 210 w 383"/>
              <a:gd name="T95" fmla="*/ 190 h 543"/>
              <a:gd name="T96" fmla="*/ 180 w 383"/>
              <a:gd name="T97" fmla="*/ 167 h 543"/>
              <a:gd name="T98" fmla="*/ 176 w 383"/>
              <a:gd name="T99" fmla="*/ 186 h 543"/>
              <a:gd name="T100" fmla="*/ 168 w 383"/>
              <a:gd name="T101" fmla="*/ 198 h 543"/>
              <a:gd name="T102" fmla="*/ 146 w 383"/>
              <a:gd name="T103" fmla="*/ 183 h 543"/>
              <a:gd name="T104" fmla="*/ 140 w 383"/>
              <a:gd name="T105" fmla="*/ 164 h 543"/>
              <a:gd name="T106" fmla="*/ 134 w 383"/>
              <a:gd name="T107" fmla="*/ 133 h 543"/>
              <a:gd name="T108" fmla="*/ 121 w 383"/>
              <a:gd name="T109" fmla="*/ 112 h 543"/>
              <a:gd name="T110" fmla="*/ 115 w 383"/>
              <a:gd name="T111" fmla="*/ 79 h 543"/>
              <a:gd name="T112" fmla="*/ 76 w 383"/>
              <a:gd name="T113" fmla="*/ 47 h 543"/>
              <a:gd name="T114" fmla="*/ 40 w 383"/>
              <a:gd name="T115" fmla="*/ 32 h 543"/>
              <a:gd name="T116" fmla="*/ 16 w 383"/>
              <a:gd name="T117" fmla="*/ 3 h 543"/>
              <a:gd name="T118" fmla="*/ 2 w 383"/>
              <a:gd name="T119" fmla="*/ 10 h 543"/>
              <a:gd name="T120" fmla="*/ 17 w 383"/>
              <a:gd name="T121" fmla="*/ 27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83" h="543">
                <a:moveTo>
                  <a:pt x="17" y="27"/>
                </a:moveTo>
                <a:cubicBezTo>
                  <a:pt x="17" y="27"/>
                  <a:pt x="31" y="37"/>
                  <a:pt x="31" y="60"/>
                </a:cubicBezTo>
                <a:cubicBezTo>
                  <a:pt x="31" y="83"/>
                  <a:pt x="45" y="87"/>
                  <a:pt x="54" y="93"/>
                </a:cubicBezTo>
                <a:cubicBezTo>
                  <a:pt x="63" y="100"/>
                  <a:pt x="63" y="115"/>
                  <a:pt x="74" y="128"/>
                </a:cubicBezTo>
                <a:cubicBezTo>
                  <a:pt x="85" y="141"/>
                  <a:pt x="90" y="147"/>
                  <a:pt x="94" y="139"/>
                </a:cubicBezTo>
                <a:cubicBezTo>
                  <a:pt x="98" y="131"/>
                  <a:pt x="105" y="145"/>
                  <a:pt x="105" y="155"/>
                </a:cubicBezTo>
                <a:cubicBezTo>
                  <a:pt x="105" y="164"/>
                  <a:pt x="98" y="180"/>
                  <a:pt x="115" y="187"/>
                </a:cubicBezTo>
                <a:cubicBezTo>
                  <a:pt x="133" y="193"/>
                  <a:pt x="138" y="188"/>
                  <a:pt x="135" y="213"/>
                </a:cubicBezTo>
                <a:cubicBezTo>
                  <a:pt x="133" y="239"/>
                  <a:pt x="143" y="284"/>
                  <a:pt x="130" y="289"/>
                </a:cubicBezTo>
                <a:cubicBezTo>
                  <a:pt x="117" y="295"/>
                  <a:pt x="126" y="297"/>
                  <a:pt x="126" y="309"/>
                </a:cubicBezTo>
                <a:cubicBezTo>
                  <a:pt x="126" y="321"/>
                  <a:pt x="130" y="336"/>
                  <a:pt x="117" y="339"/>
                </a:cubicBezTo>
                <a:cubicBezTo>
                  <a:pt x="103" y="341"/>
                  <a:pt x="95" y="338"/>
                  <a:pt x="93" y="345"/>
                </a:cubicBezTo>
                <a:cubicBezTo>
                  <a:pt x="91" y="352"/>
                  <a:pt x="91" y="351"/>
                  <a:pt x="84" y="352"/>
                </a:cubicBezTo>
                <a:cubicBezTo>
                  <a:pt x="77" y="352"/>
                  <a:pt x="70" y="353"/>
                  <a:pt x="70" y="363"/>
                </a:cubicBezTo>
                <a:cubicBezTo>
                  <a:pt x="69" y="372"/>
                  <a:pt x="77" y="380"/>
                  <a:pt x="88" y="385"/>
                </a:cubicBezTo>
                <a:cubicBezTo>
                  <a:pt x="98" y="390"/>
                  <a:pt x="101" y="392"/>
                  <a:pt x="113" y="400"/>
                </a:cubicBezTo>
                <a:cubicBezTo>
                  <a:pt x="125" y="407"/>
                  <a:pt x="130" y="411"/>
                  <a:pt x="140" y="413"/>
                </a:cubicBezTo>
                <a:cubicBezTo>
                  <a:pt x="150" y="416"/>
                  <a:pt x="161" y="426"/>
                  <a:pt x="165" y="432"/>
                </a:cubicBezTo>
                <a:cubicBezTo>
                  <a:pt x="169" y="437"/>
                  <a:pt x="173" y="442"/>
                  <a:pt x="170" y="454"/>
                </a:cubicBezTo>
                <a:cubicBezTo>
                  <a:pt x="168" y="465"/>
                  <a:pt x="166" y="469"/>
                  <a:pt x="157" y="481"/>
                </a:cubicBezTo>
                <a:cubicBezTo>
                  <a:pt x="149" y="493"/>
                  <a:pt x="126" y="508"/>
                  <a:pt x="137" y="517"/>
                </a:cubicBezTo>
                <a:cubicBezTo>
                  <a:pt x="148" y="526"/>
                  <a:pt x="156" y="521"/>
                  <a:pt x="163" y="529"/>
                </a:cubicBezTo>
                <a:cubicBezTo>
                  <a:pt x="171" y="537"/>
                  <a:pt x="189" y="543"/>
                  <a:pt x="196" y="534"/>
                </a:cubicBezTo>
                <a:cubicBezTo>
                  <a:pt x="202" y="526"/>
                  <a:pt x="223" y="513"/>
                  <a:pt x="224" y="498"/>
                </a:cubicBezTo>
                <a:cubicBezTo>
                  <a:pt x="226" y="483"/>
                  <a:pt x="241" y="473"/>
                  <a:pt x="251" y="458"/>
                </a:cubicBezTo>
                <a:cubicBezTo>
                  <a:pt x="261" y="443"/>
                  <a:pt x="281" y="425"/>
                  <a:pt x="282" y="417"/>
                </a:cubicBezTo>
                <a:cubicBezTo>
                  <a:pt x="284" y="410"/>
                  <a:pt x="290" y="407"/>
                  <a:pt x="284" y="399"/>
                </a:cubicBezTo>
                <a:cubicBezTo>
                  <a:pt x="278" y="390"/>
                  <a:pt x="277" y="384"/>
                  <a:pt x="281" y="374"/>
                </a:cubicBezTo>
                <a:cubicBezTo>
                  <a:pt x="284" y="365"/>
                  <a:pt x="280" y="354"/>
                  <a:pt x="295" y="354"/>
                </a:cubicBezTo>
                <a:cubicBezTo>
                  <a:pt x="311" y="354"/>
                  <a:pt x="309" y="349"/>
                  <a:pt x="323" y="355"/>
                </a:cubicBezTo>
                <a:cubicBezTo>
                  <a:pt x="337" y="362"/>
                  <a:pt x="341" y="365"/>
                  <a:pt x="345" y="358"/>
                </a:cubicBezTo>
                <a:cubicBezTo>
                  <a:pt x="349" y="352"/>
                  <a:pt x="348" y="353"/>
                  <a:pt x="342" y="351"/>
                </a:cubicBezTo>
                <a:cubicBezTo>
                  <a:pt x="336" y="349"/>
                  <a:pt x="338" y="340"/>
                  <a:pt x="340" y="334"/>
                </a:cubicBezTo>
                <a:cubicBezTo>
                  <a:pt x="341" y="328"/>
                  <a:pt x="338" y="322"/>
                  <a:pt x="350" y="322"/>
                </a:cubicBezTo>
                <a:cubicBezTo>
                  <a:pt x="363" y="322"/>
                  <a:pt x="355" y="323"/>
                  <a:pt x="362" y="311"/>
                </a:cubicBezTo>
                <a:cubicBezTo>
                  <a:pt x="368" y="299"/>
                  <a:pt x="374" y="297"/>
                  <a:pt x="373" y="289"/>
                </a:cubicBezTo>
                <a:cubicBezTo>
                  <a:pt x="371" y="280"/>
                  <a:pt x="366" y="261"/>
                  <a:pt x="373" y="258"/>
                </a:cubicBezTo>
                <a:cubicBezTo>
                  <a:pt x="381" y="254"/>
                  <a:pt x="383" y="251"/>
                  <a:pt x="381" y="245"/>
                </a:cubicBezTo>
                <a:cubicBezTo>
                  <a:pt x="379" y="239"/>
                  <a:pt x="377" y="240"/>
                  <a:pt x="370" y="239"/>
                </a:cubicBezTo>
                <a:cubicBezTo>
                  <a:pt x="363" y="239"/>
                  <a:pt x="357" y="226"/>
                  <a:pt x="347" y="231"/>
                </a:cubicBezTo>
                <a:cubicBezTo>
                  <a:pt x="338" y="237"/>
                  <a:pt x="339" y="240"/>
                  <a:pt x="329" y="241"/>
                </a:cubicBezTo>
                <a:cubicBezTo>
                  <a:pt x="318" y="243"/>
                  <a:pt x="320" y="250"/>
                  <a:pt x="310" y="258"/>
                </a:cubicBezTo>
                <a:cubicBezTo>
                  <a:pt x="300" y="266"/>
                  <a:pt x="294" y="272"/>
                  <a:pt x="280" y="267"/>
                </a:cubicBezTo>
                <a:cubicBezTo>
                  <a:pt x="266" y="262"/>
                  <a:pt x="268" y="257"/>
                  <a:pt x="261" y="255"/>
                </a:cubicBezTo>
                <a:cubicBezTo>
                  <a:pt x="253" y="254"/>
                  <a:pt x="267" y="250"/>
                  <a:pt x="250" y="247"/>
                </a:cubicBezTo>
                <a:cubicBezTo>
                  <a:pt x="233" y="245"/>
                  <a:pt x="235" y="240"/>
                  <a:pt x="226" y="240"/>
                </a:cubicBezTo>
                <a:cubicBezTo>
                  <a:pt x="217" y="239"/>
                  <a:pt x="218" y="239"/>
                  <a:pt x="216" y="226"/>
                </a:cubicBezTo>
                <a:cubicBezTo>
                  <a:pt x="214" y="212"/>
                  <a:pt x="223" y="200"/>
                  <a:pt x="210" y="190"/>
                </a:cubicBezTo>
                <a:cubicBezTo>
                  <a:pt x="198" y="179"/>
                  <a:pt x="185" y="166"/>
                  <a:pt x="180" y="167"/>
                </a:cubicBezTo>
                <a:cubicBezTo>
                  <a:pt x="174" y="168"/>
                  <a:pt x="175" y="177"/>
                  <a:pt x="176" y="186"/>
                </a:cubicBezTo>
                <a:cubicBezTo>
                  <a:pt x="178" y="196"/>
                  <a:pt x="176" y="209"/>
                  <a:pt x="168" y="198"/>
                </a:cubicBezTo>
                <a:cubicBezTo>
                  <a:pt x="159" y="188"/>
                  <a:pt x="152" y="184"/>
                  <a:pt x="146" y="183"/>
                </a:cubicBezTo>
                <a:cubicBezTo>
                  <a:pt x="140" y="182"/>
                  <a:pt x="140" y="173"/>
                  <a:pt x="140" y="164"/>
                </a:cubicBezTo>
                <a:cubicBezTo>
                  <a:pt x="140" y="155"/>
                  <a:pt x="143" y="140"/>
                  <a:pt x="134" y="133"/>
                </a:cubicBezTo>
                <a:cubicBezTo>
                  <a:pt x="124" y="125"/>
                  <a:pt x="120" y="122"/>
                  <a:pt x="121" y="112"/>
                </a:cubicBezTo>
                <a:cubicBezTo>
                  <a:pt x="122" y="101"/>
                  <a:pt x="136" y="93"/>
                  <a:pt x="115" y="79"/>
                </a:cubicBezTo>
                <a:cubicBezTo>
                  <a:pt x="93" y="65"/>
                  <a:pt x="89" y="53"/>
                  <a:pt x="76" y="47"/>
                </a:cubicBezTo>
                <a:cubicBezTo>
                  <a:pt x="63" y="42"/>
                  <a:pt x="51" y="40"/>
                  <a:pt x="40" y="32"/>
                </a:cubicBezTo>
                <a:cubicBezTo>
                  <a:pt x="29" y="23"/>
                  <a:pt x="24" y="6"/>
                  <a:pt x="16" y="3"/>
                </a:cubicBezTo>
                <a:cubicBezTo>
                  <a:pt x="8" y="0"/>
                  <a:pt x="4" y="6"/>
                  <a:pt x="2" y="10"/>
                </a:cubicBezTo>
                <a:cubicBezTo>
                  <a:pt x="0" y="13"/>
                  <a:pt x="1" y="17"/>
                  <a:pt x="17" y="27"/>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20" name="Freeform 1858">
            <a:extLst>
              <a:ext uri="{FF2B5EF4-FFF2-40B4-BE49-F238E27FC236}">
                <a16:creationId xmlns:a16="http://schemas.microsoft.com/office/drawing/2014/main" id="{8E9DEE32-31FF-4553-B5CA-E70C8A55A5A8}"/>
              </a:ext>
            </a:extLst>
          </p:cNvPr>
          <p:cNvSpPr>
            <a:spLocks/>
          </p:cNvSpPr>
          <p:nvPr/>
        </p:nvSpPr>
        <p:spPr bwMode="auto">
          <a:xfrm>
            <a:off x="8390843" y="4682421"/>
            <a:ext cx="37974" cy="50632"/>
          </a:xfrm>
          <a:custGeom>
            <a:avLst/>
            <a:gdLst>
              <a:gd name="T0" fmla="*/ 16 w 49"/>
              <a:gd name="T1" fmla="*/ 19 h 60"/>
              <a:gd name="T2" fmla="*/ 10 w 49"/>
              <a:gd name="T3" fmla="*/ 43 h 60"/>
              <a:gd name="T4" fmla="*/ 9 w 49"/>
              <a:gd name="T5" fmla="*/ 60 h 60"/>
              <a:gd name="T6" fmla="*/ 35 w 49"/>
              <a:gd name="T7" fmla="*/ 53 h 60"/>
              <a:gd name="T8" fmla="*/ 48 w 49"/>
              <a:gd name="T9" fmla="*/ 44 h 60"/>
              <a:gd name="T10" fmla="*/ 38 w 49"/>
              <a:gd name="T11" fmla="*/ 27 h 60"/>
              <a:gd name="T12" fmla="*/ 16 w 49"/>
              <a:gd name="T13" fmla="*/ 19 h 60"/>
            </a:gdLst>
            <a:ahLst/>
            <a:cxnLst>
              <a:cxn ang="0">
                <a:pos x="T0" y="T1"/>
              </a:cxn>
              <a:cxn ang="0">
                <a:pos x="T2" y="T3"/>
              </a:cxn>
              <a:cxn ang="0">
                <a:pos x="T4" y="T5"/>
              </a:cxn>
              <a:cxn ang="0">
                <a:pos x="T6" y="T7"/>
              </a:cxn>
              <a:cxn ang="0">
                <a:pos x="T8" y="T9"/>
              </a:cxn>
              <a:cxn ang="0">
                <a:pos x="T10" y="T11"/>
              </a:cxn>
              <a:cxn ang="0">
                <a:pos x="T12" y="T13"/>
              </a:cxn>
            </a:cxnLst>
            <a:rect l="0" t="0" r="r" b="b"/>
            <a:pathLst>
              <a:path w="49" h="60">
                <a:moveTo>
                  <a:pt x="16" y="19"/>
                </a:moveTo>
                <a:cubicBezTo>
                  <a:pt x="16" y="19"/>
                  <a:pt x="21" y="35"/>
                  <a:pt x="10" y="43"/>
                </a:cubicBezTo>
                <a:cubicBezTo>
                  <a:pt x="0" y="52"/>
                  <a:pt x="1" y="60"/>
                  <a:pt x="9" y="60"/>
                </a:cubicBezTo>
                <a:cubicBezTo>
                  <a:pt x="18" y="60"/>
                  <a:pt x="25" y="48"/>
                  <a:pt x="35" y="53"/>
                </a:cubicBezTo>
                <a:cubicBezTo>
                  <a:pt x="44" y="57"/>
                  <a:pt x="49" y="52"/>
                  <a:pt x="48" y="44"/>
                </a:cubicBezTo>
                <a:cubicBezTo>
                  <a:pt x="47" y="37"/>
                  <a:pt x="41" y="39"/>
                  <a:pt x="38" y="27"/>
                </a:cubicBezTo>
                <a:cubicBezTo>
                  <a:pt x="36" y="16"/>
                  <a:pt x="13" y="0"/>
                  <a:pt x="16" y="19"/>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21" name="Freeform 1859">
            <a:extLst>
              <a:ext uri="{FF2B5EF4-FFF2-40B4-BE49-F238E27FC236}">
                <a16:creationId xmlns:a16="http://schemas.microsoft.com/office/drawing/2014/main" id="{916C2D84-C3C3-4209-A011-6DBD152DDFAE}"/>
              </a:ext>
            </a:extLst>
          </p:cNvPr>
          <p:cNvSpPr>
            <a:spLocks/>
          </p:cNvSpPr>
          <p:nvPr/>
        </p:nvSpPr>
        <p:spPr bwMode="auto">
          <a:xfrm>
            <a:off x="8302236" y="4938747"/>
            <a:ext cx="34811" cy="37974"/>
          </a:xfrm>
          <a:custGeom>
            <a:avLst/>
            <a:gdLst>
              <a:gd name="T0" fmla="*/ 22 w 40"/>
              <a:gd name="T1" fmla="*/ 15 h 51"/>
              <a:gd name="T2" fmla="*/ 14 w 40"/>
              <a:gd name="T3" fmla="*/ 29 h 51"/>
              <a:gd name="T4" fmla="*/ 13 w 40"/>
              <a:gd name="T5" fmla="*/ 45 h 51"/>
              <a:gd name="T6" fmla="*/ 29 w 40"/>
              <a:gd name="T7" fmla="*/ 43 h 51"/>
              <a:gd name="T8" fmla="*/ 33 w 40"/>
              <a:gd name="T9" fmla="*/ 24 h 51"/>
              <a:gd name="T10" fmla="*/ 22 w 40"/>
              <a:gd name="T11" fmla="*/ 15 h 51"/>
            </a:gdLst>
            <a:ahLst/>
            <a:cxnLst>
              <a:cxn ang="0">
                <a:pos x="T0" y="T1"/>
              </a:cxn>
              <a:cxn ang="0">
                <a:pos x="T2" y="T3"/>
              </a:cxn>
              <a:cxn ang="0">
                <a:pos x="T4" y="T5"/>
              </a:cxn>
              <a:cxn ang="0">
                <a:pos x="T6" y="T7"/>
              </a:cxn>
              <a:cxn ang="0">
                <a:pos x="T8" y="T9"/>
              </a:cxn>
              <a:cxn ang="0">
                <a:pos x="T10" y="T11"/>
              </a:cxn>
            </a:cxnLst>
            <a:rect l="0" t="0" r="r" b="b"/>
            <a:pathLst>
              <a:path w="40" h="51">
                <a:moveTo>
                  <a:pt x="22" y="15"/>
                </a:moveTo>
                <a:cubicBezTo>
                  <a:pt x="22" y="15"/>
                  <a:pt x="20" y="22"/>
                  <a:pt x="14" y="29"/>
                </a:cubicBezTo>
                <a:cubicBezTo>
                  <a:pt x="7" y="37"/>
                  <a:pt x="0" y="44"/>
                  <a:pt x="13" y="45"/>
                </a:cubicBezTo>
                <a:cubicBezTo>
                  <a:pt x="25" y="47"/>
                  <a:pt x="29" y="51"/>
                  <a:pt x="29" y="43"/>
                </a:cubicBezTo>
                <a:cubicBezTo>
                  <a:pt x="29" y="34"/>
                  <a:pt x="27" y="29"/>
                  <a:pt x="33" y="24"/>
                </a:cubicBezTo>
                <a:cubicBezTo>
                  <a:pt x="40" y="18"/>
                  <a:pt x="30" y="0"/>
                  <a:pt x="22" y="15"/>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22" name="Freeform 1860">
            <a:extLst>
              <a:ext uri="{FF2B5EF4-FFF2-40B4-BE49-F238E27FC236}">
                <a16:creationId xmlns:a16="http://schemas.microsoft.com/office/drawing/2014/main" id="{41B0E4F2-4E79-431F-BB36-E2C8D5F80B43}"/>
              </a:ext>
            </a:extLst>
          </p:cNvPr>
          <p:cNvSpPr>
            <a:spLocks/>
          </p:cNvSpPr>
          <p:nvPr/>
        </p:nvSpPr>
        <p:spPr bwMode="auto">
          <a:xfrm>
            <a:off x="9125013" y="3657116"/>
            <a:ext cx="18987" cy="6329"/>
          </a:xfrm>
          <a:custGeom>
            <a:avLst/>
            <a:gdLst>
              <a:gd name="T0" fmla="*/ 15 w 24"/>
              <a:gd name="T1" fmla="*/ 0 h 11"/>
              <a:gd name="T2" fmla="*/ 6 w 24"/>
              <a:gd name="T3" fmla="*/ 7 h 11"/>
              <a:gd name="T4" fmla="*/ 15 w 24"/>
              <a:gd name="T5" fmla="*/ 0 h 11"/>
            </a:gdLst>
            <a:ahLst/>
            <a:cxnLst>
              <a:cxn ang="0">
                <a:pos x="T0" y="T1"/>
              </a:cxn>
              <a:cxn ang="0">
                <a:pos x="T2" y="T3"/>
              </a:cxn>
              <a:cxn ang="0">
                <a:pos x="T4" y="T5"/>
              </a:cxn>
            </a:cxnLst>
            <a:rect l="0" t="0" r="r" b="b"/>
            <a:pathLst>
              <a:path w="24" h="11">
                <a:moveTo>
                  <a:pt x="15" y="0"/>
                </a:moveTo>
                <a:cubicBezTo>
                  <a:pt x="15" y="0"/>
                  <a:pt x="0" y="2"/>
                  <a:pt x="6" y="7"/>
                </a:cubicBezTo>
                <a:cubicBezTo>
                  <a:pt x="12" y="11"/>
                  <a:pt x="24" y="0"/>
                  <a:pt x="15" y="0"/>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23" name="Freeform 1861">
            <a:extLst>
              <a:ext uri="{FF2B5EF4-FFF2-40B4-BE49-F238E27FC236}">
                <a16:creationId xmlns:a16="http://schemas.microsoft.com/office/drawing/2014/main" id="{00FC3DA3-850E-4DCA-B08B-2AEE81F11018}"/>
              </a:ext>
            </a:extLst>
          </p:cNvPr>
          <p:cNvSpPr>
            <a:spLocks/>
          </p:cNvSpPr>
          <p:nvPr/>
        </p:nvSpPr>
        <p:spPr bwMode="auto">
          <a:xfrm>
            <a:off x="9093368" y="3720406"/>
            <a:ext cx="12658" cy="15824"/>
          </a:xfrm>
          <a:custGeom>
            <a:avLst/>
            <a:gdLst>
              <a:gd name="T0" fmla="*/ 8 w 15"/>
              <a:gd name="T1" fmla="*/ 0 h 21"/>
              <a:gd name="T2" fmla="*/ 2 w 15"/>
              <a:gd name="T3" fmla="*/ 10 h 21"/>
              <a:gd name="T4" fmla="*/ 10 w 15"/>
              <a:gd name="T5" fmla="*/ 13 h 21"/>
              <a:gd name="T6" fmla="*/ 8 w 15"/>
              <a:gd name="T7" fmla="*/ 0 h 21"/>
            </a:gdLst>
            <a:ahLst/>
            <a:cxnLst>
              <a:cxn ang="0">
                <a:pos x="T0" y="T1"/>
              </a:cxn>
              <a:cxn ang="0">
                <a:pos x="T2" y="T3"/>
              </a:cxn>
              <a:cxn ang="0">
                <a:pos x="T4" y="T5"/>
              </a:cxn>
              <a:cxn ang="0">
                <a:pos x="T6" y="T7"/>
              </a:cxn>
            </a:cxnLst>
            <a:rect l="0" t="0" r="r" b="b"/>
            <a:pathLst>
              <a:path w="15" h="21">
                <a:moveTo>
                  <a:pt x="8" y="0"/>
                </a:moveTo>
                <a:cubicBezTo>
                  <a:pt x="8" y="0"/>
                  <a:pt x="0" y="1"/>
                  <a:pt x="2" y="10"/>
                </a:cubicBezTo>
                <a:cubicBezTo>
                  <a:pt x="4" y="18"/>
                  <a:pt x="9" y="21"/>
                  <a:pt x="10" y="13"/>
                </a:cubicBezTo>
                <a:cubicBezTo>
                  <a:pt x="12" y="5"/>
                  <a:pt x="15" y="0"/>
                  <a:pt x="8" y="0"/>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
        <p:nvSpPr>
          <p:cNvPr id="24" name="Freeform 1862">
            <a:extLst>
              <a:ext uri="{FF2B5EF4-FFF2-40B4-BE49-F238E27FC236}">
                <a16:creationId xmlns:a16="http://schemas.microsoft.com/office/drawing/2014/main" id="{E93456EF-0275-4B6D-BE2E-2623077302D8}"/>
              </a:ext>
            </a:extLst>
          </p:cNvPr>
          <p:cNvSpPr>
            <a:spLocks/>
          </p:cNvSpPr>
          <p:nvPr/>
        </p:nvSpPr>
        <p:spPr bwMode="auto">
          <a:xfrm>
            <a:off x="9068051" y="3780531"/>
            <a:ext cx="18987" cy="12658"/>
          </a:xfrm>
          <a:custGeom>
            <a:avLst/>
            <a:gdLst>
              <a:gd name="T0" fmla="*/ 15 w 27"/>
              <a:gd name="T1" fmla="*/ 5 h 17"/>
              <a:gd name="T2" fmla="*/ 14 w 27"/>
              <a:gd name="T3" fmla="*/ 16 h 17"/>
              <a:gd name="T4" fmla="*/ 15 w 27"/>
              <a:gd name="T5" fmla="*/ 5 h 17"/>
            </a:gdLst>
            <a:ahLst/>
            <a:cxnLst>
              <a:cxn ang="0">
                <a:pos x="T0" y="T1"/>
              </a:cxn>
              <a:cxn ang="0">
                <a:pos x="T2" y="T3"/>
              </a:cxn>
              <a:cxn ang="0">
                <a:pos x="T4" y="T5"/>
              </a:cxn>
            </a:cxnLst>
            <a:rect l="0" t="0" r="r" b="b"/>
            <a:pathLst>
              <a:path w="27" h="17">
                <a:moveTo>
                  <a:pt x="15" y="5"/>
                </a:moveTo>
                <a:cubicBezTo>
                  <a:pt x="15" y="5"/>
                  <a:pt x="0" y="17"/>
                  <a:pt x="14" y="16"/>
                </a:cubicBezTo>
                <a:cubicBezTo>
                  <a:pt x="27" y="15"/>
                  <a:pt x="22" y="0"/>
                  <a:pt x="15" y="5"/>
                </a:cubicBezTo>
                <a:close/>
              </a:path>
            </a:pathLst>
          </a:custGeom>
          <a:solidFill>
            <a:schemeClr val="accent6"/>
          </a:solidFill>
          <a:ln w="0" cap="flat">
            <a:solidFill>
              <a:srgbClr val="FFFFFF"/>
            </a:solidFill>
            <a:prstDash val="solid"/>
            <a:miter lim="800000"/>
            <a:headEnd/>
            <a:tailEnd/>
          </a:ln>
        </p:spPr>
        <p:txBody>
          <a:bodyPr vert="horz" wrap="square" lIns="121888" tIns="60944" rIns="121888" bIns="60944" numCol="1" anchor="t" anchorCtr="0" compatLnSpc="1">
            <a:prstTxWarp prst="textNoShape">
              <a:avLst/>
            </a:prstTxWarp>
          </a:bodyPr>
          <a:lstStyle/>
          <a:p>
            <a:pPr defTabSz="914171"/>
            <a:endParaRPr lang="en-GB">
              <a:solidFill>
                <a:srgbClr val="000000"/>
              </a:solidFill>
              <a:latin typeface="Arial" panose="020B0604020202020204"/>
            </a:endParaRPr>
          </a:p>
        </p:txBody>
      </p:sp>
    </p:spTree>
    <p:extLst>
      <p:ext uri="{BB962C8B-B14F-4D97-AF65-F5344CB8AC3E}">
        <p14:creationId xmlns:p14="http://schemas.microsoft.com/office/powerpoint/2010/main" val="53986970"/>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90200CA4-8A38-46EF-8988-65DEECE3CF6E}"/>
              </a:ext>
            </a:extLst>
          </p:cNvPr>
          <p:cNvPicPr>
            <a:picLocks noChangeAspect="1"/>
          </p:cNvPicPr>
          <p:nvPr/>
        </p:nvPicPr>
        <p:blipFill>
          <a:blip r:embed="rId3"/>
          <a:stretch>
            <a:fillRect/>
          </a:stretch>
        </p:blipFill>
        <p:spPr>
          <a:xfrm>
            <a:off x="393708" y="1105888"/>
            <a:ext cx="5353970" cy="1965076"/>
          </a:xfrm>
          <a:prstGeom prst="rect">
            <a:avLst/>
          </a:prstGeom>
        </p:spPr>
      </p:pic>
      <p:pic>
        <p:nvPicPr>
          <p:cNvPr id="17" name="Picture 16">
            <a:extLst>
              <a:ext uri="{FF2B5EF4-FFF2-40B4-BE49-F238E27FC236}">
                <a16:creationId xmlns:a16="http://schemas.microsoft.com/office/drawing/2014/main" id="{CD3EE735-B6DF-4F9E-BC94-B648539AA744}"/>
              </a:ext>
            </a:extLst>
          </p:cNvPr>
          <p:cNvPicPr>
            <a:picLocks noChangeAspect="1"/>
          </p:cNvPicPr>
          <p:nvPr/>
        </p:nvPicPr>
        <p:blipFill>
          <a:blip r:embed="rId4"/>
          <a:stretch>
            <a:fillRect/>
          </a:stretch>
        </p:blipFill>
        <p:spPr>
          <a:xfrm>
            <a:off x="4871300" y="2806685"/>
            <a:ext cx="4164756" cy="2218023"/>
          </a:xfrm>
          <a:prstGeom prst="rect">
            <a:avLst/>
          </a:prstGeom>
        </p:spPr>
      </p:pic>
      <p:sp>
        <p:nvSpPr>
          <p:cNvPr id="2" name="Title 1">
            <a:extLst>
              <a:ext uri="{FF2B5EF4-FFF2-40B4-BE49-F238E27FC236}">
                <a16:creationId xmlns:a16="http://schemas.microsoft.com/office/drawing/2014/main" id="{19750BF4-ECF0-4F79-B776-18D894EDAA13}"/>
              </a:ext>
            </a:extLst>
          </p:cNvPr>
          <p:cNvSpPr>
            <a:spLocks noGrp="1"/>
          </p:cNvSpPr>
          <p:nvPr>
            <p:ph type="title"/>
          </p:nvPr>
        </p:nvSpPr>
        <p:spPr/>
        <p:txBody>
          <a:bodyPr/>
          <a:lstStyle/>
          <a:p>
            <a:r>
              <a:rPr lang="en-GB" dirty="0"/>
              <a:t>What’s Next?</a:t>
            </a:r>
            <a:endParaRPr lang="en-AU" dirty="0"/>
          </a:p>
        </p:txBody>
      </p:sp>
      <p:sp>
        <p:nvSpPr>
          <p:cNvPr id="3" name="Text Placeholder 2">
            <a:extLst>
              <a:ext uri="{FF2B5EF4-FFF2-40B4-BE49-F238E27FC236}">
                <a16:creationId xmlns:a16="http://schemas.microsoft.com/office/drawing/2014/main" id="{079FB484-A836-4085-BFED-5D99E6347702}"/>
              </a:ext>
            </a:extLst>
          </p:cNvPr>
          <p:cNvSpPr>
            <a:spLocks noGrp="1"/>
          </p:cNvSpPr>
          <p:nvPr>
            <p:ph type="body" idx="1"/>
          </p:nvPr>
        </p:nvSpPr>
        <p:spPr/>
        <p:txBody>
          <a:bodyPr/>
          <a:lstStyle/>
          <a:p>
            <a:endParaRPr lang="en-AU"/>
          </a:p>
        </p:txBody>
      </p:sp>
      <p:sp>
        <p:nvSpPr>
          <p:cNvPr id="5" name="Rectangle 4">
            <a:extLst>
              <a:ext uri="{FF2B5EF4-FFF2-40B4-BE49-F238E27FC236}">
                <a16:creationId xmlns:a16="http://schemas.microsoft.com/office/drawing/2014/main" id="{6E893E0E-5DF5-4B22-92F1-7F2ACAB9244E}"/>
              </a:ext>
            </a:extLst>
          </p:cNvPr>
          <p:cNvSpPr/>
          <p:nvPr/>
        </p:nvSpPr>
        <p:spPr>
          <a:xfrm>
            <a:off x="1362141" y="2055823"/>
            <a:ext cx="1109892" cy="876563"/>
          </a:xfrm>
          <a:prstGeom prst="rect">
            <a:avLst/>
          </a:prstGeom>
          <a:noFill/>
        </p:spPr>
        <p:style>
          <a:lnRef idx="2">
            <a:schemeClr val="accent1"/>
          </a:lnRef>
          <a:fillRef idx="1">
            <a:schemeClr val="lt1"/>
          </a:fillRef>
          <a:effectRef idx="0">
            <a:schemeClr val="accent1"/>
          </a:effectRef>
          <a:fontRef idx="minor">
            <a:schemeClr val="dk1"/>
          </a:fontRef>
        </p:style>
        <p:txBody>
          <a:bodyPr rtlCol="0" anchor="ctr"/>
          <a:lstStyle/>
          <a:p>
            <a:pPr algn="ctr"/>
            <a:endParaRPr lang="en-AU"/>
          </a:p>
        </p:txBody>
      </p:sp>
      <p:sp>
        <p:nvSpPr>
          <p:cNvPr id="7" name="Rectangle 6">
            <a:extLst>
              <a:ext uri="{FF2B5EF4-FFF2-40B4-BE49-F238E27FC236}">
                <a16:creationId xmlns:a16="http://schemas.microsoft.com/office/drawing/2014/main" id="{393B6B32-14DD-4D2C-8C09-0997F1B0EDE8}"/>
              </a:ext>
            </a:extLst>
          </p:cNvPr>
          <p:cNvSpPr/>
          <p:nvPr/>
        </p:nvSpPr>
        <p:spPr>
          <a:xfrm>
            <a:off x="6199001" y="4735961"/>
            <a:ext cx="472966" cy="245942"/>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cxnSp>
        <p:nvCxnSpPr>
          <p:cNvPr id="11" name="Straight Arrow Connector 10">
            <a:extLst>
              <a:ext uri="{FF2B5EF4-FFF2-40B4-BE49-F238E27FC236}">
                <a16:creationId xmlns:a16="http://schemas.microsoft.com/office/drawing/2014/main" id="{24803F2E-3429-4A73-81B9-CD4A8E3E96FF}"/>
              </a:ext>
            </a:extLst>
          </p:cNvPr>
          <p:cNvCxnSpPr/>
          <p:nvPr/>
        </p:nvCxnSpPr>
        <p:spPr>
          <a:xfrm flipV="1">
            <a:off x="1917087" y="2932386"/>
            <a:ext cx="0" cy="55494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2" name="TextBox 11">
            <a:extLst>
              <a:ext uri="{FF2B5EF4-FFF2-40B4-BE49-F238E27FC236}">
                <a16:creationId xmlns:a16="http://schemas.microsoft.com/office/drawing/2014/main" id="{07923384-1C79-41D0-8B50-84C839073453}"/>
              </a:ext>
            </a:extLst>
          </p:cNvPr>
          <p:cNvSpPr txBox="1"/>
          <p:nvPr/>
        </p:nvSpPr>
        <p:spPr>
          <a:xfrm>
            <a:off x="214411" y="3305254"/>
            <a:ext cx="1753124" cy="738664"/>
          </a:xfrm>
          <a:prstGeom prst="rect">
            <a:avLst/>
          </a:prstGeom>
          <a:noFill/>
        </p:spPr>
        <p:txBody>
          <a:bodyPr wrap="square" rtlCol="0">
            <a:spAutoFit/>
          </a:bodyPr>
          <a:lstStyle/>
          <a:p>
            <a:r>
              <a:rPr lang="en-GB" dirty="0"/>
              <a:t>Details of upcoming coding club can be found here</a:t>
            </a:r>
            <a:endParaRPr lang="en-AU" dirty="0"/>
          </a:p>
        </p:txBody>
      </p:sp>
      <p:sp>
        <p:nvSpPr>
          <p:cNvPr id="13" name="TextBox 12">
            <a:extLst>
              <a:ext uri="{FF2B5EF4-FFF2-40B4-BE49-F238E27FC236}">
                <a16:creationId xmlns:a16="http://schemas.microsoft.com/office/drawing/2014/main" id="{92F9AAB8-81EE-4DF3-9B63-1CA5D122964E}"/>
              </a:ext>
            </a:extLst>
          </p:cNvPr>
          <p:cNvSpPr txBox="1"/>
          <p:nvPr/>
        </p:nvSpPr>
        <p:spPr>
          <a:xfrm>
            <a:off x="2472033" y="4584612"/>
            <a:ext cx="2099967" cy="523220"/>
          </a:xfrm>
          <a:prstGeom prst="rect">
            <a:avLst/>
          </a:prstGeom>
          <a:noFill/>
        </p:spPr>
        <p:txBody>
          <a:bodyPr wrap="square" rtlCol="0">
            <a:spAutoFit/>
          </a:bodyPr>
          <a:lstStyle/>
          <a:p>
            <a:r>
              <a:rPr lang="en-GB" dirty="0"/>
              <a:t>Complete short registration form</a:t>
            </a:r>
            <a:endParaRPr lang="en-AU" dirty="0"/>
          </a:p>
        </p:txBody>
      </p:sp>
      <p:cxnSp>
        <p:nvCxnSpPr>
          <p:cNvPr id="15" name="Straight Arrow Connector 14">
            <a:extLst>
              <a:ext uri="{FF2B5EF4-FFF2-40B4-BE49-F238E27FC236}">
                <a16:creationId xmlns:a16="http://schemas.microsoft.com/office/drawing/2014/main" id="{A133C833-DED8-4128-8AFA-C440B530946C}"/>
              </a:ext>
            </a:extLst>
          </p:cNvPr>
          <p:cNvCxnSpPr>
            <a:endCxn id="7" idx="1"/>
          </p:cNvCxnSpPr>
          <p:nvPr/>
        </p:nvCxnSpPr>
        <p:spPr>
          <a:xfrm>
            <a:off x="3922461" y="4855779"/>
            <a:ext cx="2276540" cy="315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6" name="Rectangle 15">
            <a:extLst>
              <a:ext uri="{FF2B5EF4-FFF2-40B4-BE49-F238E27FC236}">
                <a16:creationId xmlns:a16="http://schemas.microsoft.com/office/drawing/2014/main" id="{EEDC84B3-08D9-4DB7-92F5-30E71DA5D2E5}"/>
              </a:ext>
            </a:extLst>
          </p:cNvPr>
          <p:cNvSpPr/>
          <p:nvPr/>
        </p:nvSpPr>
        <p:spPr>
          <a:xfrm>
            <a:off x="5747678" y="1244843"/>
            <a:ext cx="3282698" cy="523220"/>
          </a:xfrm>
          <a:prstGeom prst="rect">
            <a:avLst/>
          </a:prstGeom>
        </p:spPr>
        <p:txBody>
          <a:bodyPr wrap="square">
            <a:spAutoFit/>
          </a:bodyPr>
          <a:lstStyle/>
          <a:p>
            <a:r>
              <a:rPr lang="en-AU" u="sng" dirty="0">
                <a:solidFill>
                  <a:srgbClr val="0563C1"/>
                </a:solidFill>
                <a:latin typeface="Calibri" panose="020F0502020204030204" pitchFamily="34" charset="0"/>
                <a:ea typeface="Calibri" panose="020F0502020204030204" pitchFamily="34" charset="0"/>
                <a:cs typeface="Times New Roman" panose="02020603050405020304" pitchFamily="18" charset="0"/>
                <a:hlinkClick r:id="rId5"/>
              </a:rPr>
              <a:t>Automation &amp; Computational Design - Home (sharepoint.com)</a:t>
            </a:r>
            <a:endParaRPr lang="en-AU" dirty="0">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19838195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7"/>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3"/>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7" grpId="0" animBg="1"/>
      <p:bldP spid="12" grpId="0"/>
      <p:bldP spid="13" grpId="0"/>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Shape 362"/>
        <p:cNvGrpSpPr/>
        <p:nvPr/>
      </p:nvGrpSpPr>
      <p:grpSpPr>
        <a:xfrm>
          <a:off x="0" y="0"/>
          <a:ext cx="0" cy="0"/>
          <a:chOff x="0" y="0"/>
          <a:chExt cx="0" cy="0"/>
        </a:xfrm>
      </p:grpSpPr>
      <p:sp>
        <p:nvSpPr>
          <p:cNvPr id="365" name="Google Shape;365;p54"/>
          <p:cNvSpPr txBox="1">
            <a:spLocks noGrp="1"/>
          </p:cNvSpPr>
          <p:nvPr>
            <p:ph type="title"/>
          </p:nvPr>
        </p:nvSpPr>
        <p:spPr>
          <a:xfrm>
            <a:off x="395291" y="1155919"/>
            <a:ext cx="5081584" cy="1189042"/>
          </a:xfrm>
          <a:prstGeom prst="rect">
            <a:avLst/>
          </a:prstGeom>
          <a:noFill/>
          <a:ln>
            <a:noFill/>
          </a:ln>
        </p:spPr>
        <p:txBody>
          <a:bodyPr spcFirstLastPara="1" wrap="square" lIns="0" tIns="0" rIns="0" bIns="0" anchor="b" anchorCtr="0">
            <a:noAutofit/>
          </a:bodyPr>
          <a:lstStyle/>
          <a:p>
            <a:pPr marL="0" lvl="0" indent="0" algn="l" rtl="0">
              <a:lnSpc>
                <a:spcPct val="90000"/>
              </a:lnSpc>
              <a:spcBef>
                <a:spcPts val="0"/>
              </a:spcBef>
              <a:spcAft>
                <a:spcPts val="0"/>
              </a:spcAft>
              <a:buClr>
                <a:schemeClr val="dk1"/>
              </a:buClr>
              <a:buSzPts val="4000"/>
              <a:buFont typeface="Arial"/>
              <a:buNone/>
            </a:pPr>
            <a:r>
              <a:rPr lang="en-GB" b="1" dirty="0"/>
              <a:t>Thankyou</a:t>
            </a:r>
            <a:endParaRPr b="1" dirty="0"/>
          </a:p>
        </p:txBody>
      </p:sp>
    </p:spTree>
    <p:extLst>
      <p:ext uri="{BB962C8B-B14F-4D97-AF65-F5344CB8AC3E}">
        <p14:creationId xmlns:p14="http://schemas.microsoft.com/office/powerpoint/2010/main" val="3096608571"/>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00193F-B291-4DDD-8BAE-CD2AFB48564D}"/>
              </a:ext>
            </a:extLst>
          </p:cNvPr>
          <p:cNvSpPr>
            <a:spLocks noGrp="1"/>
          </p:cNvSpPr>
          <p:nvPr>
            <p:ph type="title"/>
          </p:nvPr>
        </p:nvSpPr>
        <p:spPr/>
        <p:txBody>
          <a:bodyPr/>
          <a:lstStyle/>
          <a:p>
            <a:r>
              <a:rPr lang="en-GB" dirty="0"/>
              <a:t>DDN</a:t>
            </a:r>
            <a:endParaRPr lang="en-AU" dirty="0"/>
          </a:p>
        </p:txBody>
      </p:sp>
      <p:sp>
        <p:nvSpPr>
          <p:cNvPr id="3" name="Text Placeholder 2">
            <a:extLst>
              <a:ext uri="{FF2B5EF4-FFF2-40B4-BE49-F238E27FC236}">
                <a16:creationId xmlns:a16="http://schemas.microsoft.com/office/drawing/2014/main" id="{B816E325-BBF1-430B-9C36-D275FAF4DE5D}"/>
              </a:ext>
            </a:extLst>
          </p:cNvPr>
          <p:cNvSpPr>
            <a:spLocks noGrp="1"/>
          </p:cNvSpPr>
          <p:nvPr>
            <p:ph type="body" idx="1"/>
          </p:nvPr>
        </p:nvSpPr>
        <p:spPr/>
        <p:txBody>
          <a:bodyPr/>
          <a:lstStyle/>
          <a:p>
            <a:endParaRPr lang="en-AU"/>
          </a:p>
        </p:txBody>
      </p:sp>
      <p:graphicFrame>
        <p:nvGraphicFramePr>
          <p:cNvPr id="5" name="Diagram 4">
            <a:extLst>
              <a:ext uri="{FF2B5EF4-FFF2-40B4-BE49-F238E27FC236}">
                <a16:creationId xmlns:a16="http://schemas.microsoft.com/office/drawing/2014/main" id="{A69E424C-6EE4-4B5C-A8DD-EA860DE802FC}"/>
              </a:ext>
            </a:extLst>
          </p:cNvPr>
          <p:cNvGraphicFramePr/>
          <p:nvPr>
            <p:extLst>
              <p:ext uri="{D42A27DB-BD31-4B8C-83A1-F6EECF244321}">
                <p14:modId xmlns:p14="http://schemas.microsoft.com/office/powerpoint/2010/main" val="3700481005"/>
              </p:ext>
            </p:extLst>
          </p:nvPr>
        </p:nvGraphicFramePr>
        <p:xfrm>
          <a:off x="1453661" y="820005"/>
          <a:ext cx="6096000"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4146730822"/>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58DD74-1848-4D53-BB09-631863C606A3}"/>
              </a:ext>
            </a:extLst>
          </p:cNvPr>
          <p:cNvSpPr>
            <a:spLocks noGrp="1"/>
          </p:cNvSpPr>
          <p:nvPr>
            <p:ph type="title"/>
          </p:nvPr>
        </p:nvSpPr>
        <p:spPr/>
        <p:txBody>
          <a:bodyPr/>
          <a:lstStyle/>
          <a:p>
            <a:r>
              <a:rPr lang="en-GB" dirty="0"/>
              <a:t>Automation and Computational Design</a:t>
            </a:r>
            <a:endParaRPr lang="en-AU" dirty="0"/>
          </a:p>
        </p:txBody>
      </p:sp>
      <p:sp>
        <p:nvSpPr>
          <p:cNvPr id="4" name="TextBox 3">
            <a:extLst>
              <a:ext uri="{FF2B5EF4-FFF2-40B4-BE49-F238E27FC236}">
                <a16:creationId xmlns:a16="http://schemas.microsoft.com/office/drawing/2014/main" id="{3F00341E-5B8A-4CE6-BB3A-4E692B5411F3}"/>
              </a:ext>
            </a:extLst>
          </p:cNvPr>
          <p:cNvSpPr txBox="1"/>
          <p:nvPr/>
        </p:nvSpPr>
        <p:spPr>
          <a:xfrm>
            <a:off x="2402477" y="2031390"/>
            <a:ext cx="3977640" cy="1569660"/>
          </a:xfrm>
          <a:prstGeom prst="rect">
            <a:avLst/>
          </a:prstGeom>
          <a:noFill/>
        </p:spPr>
        <p:txBody>
          <a:bodyPr wrap="square" rtlCol="0">
            <a:spAutoFit/>
          </a:bodyPr>
          <a:lstStyle/>
          <a:p>
            <a:pPr algn="ctr"/>
            <a:r>
              <a:rPr lang="en-GB" sz="3200" b="1" dirty="0">
                <a:solidFill>
                  <a:schemeClr val="bg2"/>
                </a:solidFill>
              </a:rPr>
              <a:t>Automation and  Computational Design</a:t>
            </a:r>
            <a:endParaRPr lang="en-AU" sz="3200" b="1" dirty="0">
              <a:solidFill>
                <a:schemeClr val="bg2"/>
              </a:solidFill>
            </a:endParaRPr>
          </a:p>
        </p:txBody>
      </p:sp>
      <p:sp>
        <p:nvSpPr>
          <p:cNvPr id="5" name="TextBox 4">
            <a:extLst>
              <a:ext uri="{FF2B5EF4-FFF2-40B4-BE49-F238E27FC236}">
                <a16:creationId xmlns:a16="http://schemas.microsoft.com/office/drawing/2014/main" id="{AAE22AEF-6CB7-4CC0-83BD-2BA77667CCCE}"/>
              </a:ext>
            </a:extLst>
          </p:cNvPr>
          <p:cNvSpPr txBox="1"/>
          <p:nvPr/>
        </p:nvSpPr>
        <p:spPr>
          <a:xfrm>
            <a:off x="1847850" y="1723613"/>
            <a:ext cx="2004060" cy="307777"/>
          </a:xfrm>
          <a:prstGeom prst="rect">
            <a:avLst/>
          </a:prstGeom>
          <a:noFill/>
        </p:spPr>
        <p:txBody>
          <a:bodyPr wrap="square" rtlCol="0">
            <a:spAutoFit/>
          </a:bodyPr>
          <a:lstStyle/>
          <a:p>
            <a:r>
              <a:rPr lang="en-GB" dirty="0">
                <a:solidFill>
                  <a:schemeClr val="accent1"/>
                </a:solidFill>
              </a:rPr>
              <a:t>Visual Scripting</a:t>
            </a:r>
            <a:endParaRPr lang="en-AU" dirty="0">
              <a:solidFill>
                <a:schemeClr val="accent1"/>
              </a:solidFill>
            </a:endParaRPr>
          </a:p>
        </p:txBody>
      </p:sp>
      <p:sp>
        <p:nvSpPr>
          <p:cNvPr id="6" name="TextBox 5">
            <a:extLst>
              <a:ext uri="{FF2B5EF4-FFF2-40B4-BE49-F238E27FC236}">
                <a16:creationId xmlns:a16="http://schemas.microsoft.com/office/drawing/2014/main" id="{D7EBB06D-2B9B-4DFC-997E-ADCD12FCFC70}"/>
              </a:ext>
            </a:extLst>
          </p:cNvPr>
          <p:cNvSpPr txBox="1"/>
          <p:nvPr/>
        </p:nvSpPr>
        <p:spPr>
          <a:xfrm>
            <a:off x="4091940" y="1275586"/>
            <a:ext cx="1329690" cy="461665"/>
          </a:xfrm>
          <a:prstGeom prst="rect">
            <a:avLst/>
          </a:prstGeom>
          <a:noFill/>
        </p:spPr>
        <p:txBody>
          <a:bodyPr wrap="square" rtlCol="0">
            <a:spAutoFit/>
          </a:bodyPr>
          <a:lstStyle/>
          <a:p>
            <a:r>
              <a:rPr lang="en-GB" sz="2400">
                <a:solidFill>
                  <a:schemeClr val="accent3"/>
                </a:solidFill>
              </a:rPr>
              <a:t>Coding</a:t>
            </a:r>
            <a:endParaRPr lang="en-AU" sz="2400">
              <a:solidFill>
                <a:schemeClr val="accent3"/>
              </a:solidFill>
            </a:endParaRPr>
          </a:p>
        </p:txBody>
      </p:sp>
      <p:sp>
        <p:nvSpPr>
          <p:cNvPr id="7" name="TextBox 6">
            <a:extLst>
              <a:ext uri="{FF2B5EF4-FFF2-40B4-BE49-F238E27FC236}">
                <a16:creationId xmlns:a16="http://schemas.microsoft.com/office/drawing/2014/main" id="{13F139F9-D561-404F-A4F2-A1408790A787}"/>
              </a:ext>
            </a:extLst>
          </p:cNvPr>
          <p:cNvSpPr txBox="1"/>
          <p:nvPr/>
        </p:nvSpPr>
        <p:spPr>
          <a:xfrm>
            <a:off x="930729" y="2243072"/>
            <a:ext cx="1524000" cy="338554"/>
          </a:xfrm>
          <a:prstGeom prst="rect">
            <a:avLst/>
          </a:prstGeom>
          <a:noFill/>
        </p:spPr>
        <p:txBody>
          <a:bodyPr wrap="square" rtlCol="0">
            <a:spAutoFit/>
          </a:bodyPr>
          <a:lstStyle/>
          <a:p>
            <a:r>
              <a:rPr lang="en-GB" sz="1600" dirty="0">
                <a:solidFill>
                  <a:schemeClr val="accent4"/>
                </a:solidFill>
              </a:rPr>
              <a:t>Automation</a:t>
            </a:r>
            <a:endParaRPr lang="en-AU" sz="1600" dirty="0">
              <a:solidFill>
                <a:schemeClr val="accent4"/>
              </a:solidFill>
            </a:endParaRPr>
          </a:p>
        </p:txBody>
      </p:sp>
      <p:sp>
        <p:nvSpPr>
          <p:cNvPr id="8" name="TextBox 7">
            <a:extLst>
              <a:ext uri="{FF2B5EF4-FFF2-40B4-BE49-F238E27FC236}">
                <a16:creationId xmlns:a16="http://schemas.microsoft.com/office/drawing/2014/main" id="{A7DFD00C-A7DC-40F3-8D04-CD1D0219EB36}"/>
              </a:ext>
            </a:extLst>
          </p:cNvPr>
          <p:cNvSpPr txBox="1"/>
          <p:nvPr/>
        </p:nvSpPr>
        <p:spPr>
          <a:xfrm>
            <a:off x="6469379" y="3476762"/>
            <a:ext cx="1899557" cy="830997"/>
          </a:xfrm>
          <a:prstGeom prst="rect">
            <a:avLst/>
          </a:prstGeom>
          <a:noFill/>
        </p:spPr>
        <p:txBody>
          <a:bodyPr wrap="square" rtlCol="0">
            <a:spAutoFit/>
          </a:bodyPr>
          <a:lstStyle/>
          <a:p>
            <a:r>
              <a:rPr lang="en-GB" sz="2400">
                <a:solidFill>
                  <a:schemeClr val="accent3"/>
                </a:solidFill>
              </a:rPr>
              <a:t>Parametric Design</a:t>
            </a:r>
            <a:endParaRPr lang="en-AU" sz="2400">
              <a:solidFill>
                <a:schemeClr val="accent3"/>
              </a:solidFill>
            </a:endParaRPr>
          </a:p>
        </p:txBody>
      </p:sp>
      <p:sp>
        <p:nvSpPr>
          <p:cNvPr id="9" name="TextBox 8">
            <a:extLst>
              <a:ext uri="{FF2B5EF4-FFF2-40B4-BE49-F238E27FC236}">
                <a16:creationId xmlns:a16="http://schemas.microsoft.com/office/drawing/2014/main" id="{FE982485-B83A-425C-81E9-C4F14E0E3C23}"/>
              </a:ext>
            </a:extLst>
          </p:cNvPr>
          <p:cNvSpPr txBox="1"/>
          <p:nvPr/>
        </p:nvSpPr>
        <p:spPr>
          <a:xfrm>
            <a:off x="1369422" y="3867914"/>
            <a:ext cx="2066109" cy="307777"/>
          </a:xfrm>
          <a:prstGeom prst="rect">
            <a:avLst/>
          </a:prstGeom>
          <a:noFill/>
        </p:spPr>
        <p:txBody>
          <a:bodyPr wrap="square" rtlCol="0">
            <a:spAutoFit/>
          </a:bodyPr>
          <a:lstStyle/>
          <a:p>
            <a:r>
              <a:rPr lang="en-GB">
                <a:solidFill>
                  <a:schemeClr val="accent5"/>
                </a:solidFill>
              </a:rPr>
              <a:t>Generative Design</a:t>
            </a:r>
            <a:endParaRPr lang="en-AU">
              <a:solidFill>
                <a:schemeClr val="accent5"/>
              </a:solidFill>
            </a:endParaRPr>
          </a:p>
        </p:txBody>
      </p:sp>
      <p:sp>
        <p:nvSpPr>
          <p:cNvPr id="10" name="TextBox 9">
            <a:extLst>
              <a:ext uri="{FF2B5EF4-FFF2-40B4-BE49-F238E27FC236}">
                <a16:creationId xmlns:a16="http://schemas.microsoft.com/office/drawing/2014/main" id="{F7A2E643-58A0-4C30-9734-AA77E2FE2E8A}"/>
              </a:ext>
            </a:extLst>
          </p:cNvPr>
          <p:cNvSpPr txBox="1"/>
          <p:nvPr/>
        </p:nvSpPr>
        <p:spPr>
          <a:xfrm>
            <a:off x="3003369" y="4156663"/>
            <a:ext cx="1524000" cy="646331"/>
          </a:xfrm>
          <a:prstGeom prst="rect">
            <a:avLst/>
          </a:prstGeom>
          <a:noFill/>
        </p:spPr>
        <p:txBody>
          <a:bodyPr wrap="square" rtlCol="0">
            <a:spAutoFit/>
          </a:bodyPr>
          <a:lstStyle/>
          <a:p>
            <a:r>
              <a:rPr lang="en-GB" sz="1800">
                <a:solidFill>
                  <a:schemeClr val="accent2"/>
                </a:solidFill>
              </a:rPr>
              <a:t>Algorithmic Design</a:t>
            </a:r>
            <a:endParaRPr lang="en-AU" sz="1800">
              <a:solidFill>
                <a:schemeClr val="accent2"/>
              </a:solidFill>
            </a:endParaRPr>
          </a:p>
        </p:txBody>
      </p:sp>
      <p:sp>
        <p:nvSpPr>
          <p:cNvPr id="11" name="TextBox 10">
            <a:extLst>
              <a:ext uri="{FF2B5EF4-FFF2-40B4-BE49-F238E27FC236}">
                <a16:creationId xmlns:a16="http://schemas.microsoft.com/office/drawing/2014/main" id="{97884E6A-1995-4AA2-A8FA-8893FFD397FB}"/>
              </a:ext>
            </a:extLst>
          </p:cNvPr>
          <p:cNvSpPr txBox="1"/>
          <p:nvPr/>
        </p:nvSpPr>
        <p:spPr>
          <a:xfrm>
            <a:off x="487679" y="2848490"/>
            <a:ext cx="1899557" cy="830997"/>
          </a:xfrm>
          <a:prstGeom prst="rect">
            <a:avLst/>
          </a:prstGeom>
          <a:noFill/>
        </p:spPr>
        <p:txBody>
          <a:bodyPr wrap="square" rtlCol="0">
            <a:spAutoFit/>
          </a:bodyPr>
          <a:lstStyle/>
          <a:p>
            <a:r>
              <a:rPr lang="en-GB" sz="2400" dirty="0">
                <a:solidFill>
                  <a:schemeClr val="accent3"/>
                </a:solidFill>
              </a:rPr>
              <a:t>Data Automation</a:t>
            </a:r>
            <a:endParaRPr lang="en-AU" sz="2400" dirty="0">
              <a:solidFill>
                <a:schemeClr val="accent3"/>
              </a:solidFill>
            </a:endParaRPr>
          </a:p>
        </p:txBody>
      </p:sp>
      <p:sp>
        <p:nvSpPr>
          <p:cNvPr id="13" name="TextBox 12">
            <a:extLst>
              <a:ext uri="{FF2B5EF4-FFF2-40B4-BE49-F238E27FC236}">
                <a16:creationId xmlns:a16="http://schemas.microsoft.com/office/drawing/2014/main" id="{74350D17-5D03-4950-B286-8CDBAA5D1EF5}"/>
              </a:ext>
            </a:extLst>
          </p:cNvPr>
          <p:cNvSpPr txBox="1"/>
          <p:nvPr/>
        </p:nvSpPr>
        <p:spPr>
          <a:xfrm>
            <a:off x="6121036" y="2001408"/>
            <a:ext cx="2247900" cy="461665"/>
          </a:xfrm>
          <a:prstGeom prst="rect">
            <a:avLst/>
          </a:prstGeom>
          <a:noFill/>
        </p:spPr>
        <p:txBody>
          <a:bodyPr wrap="square" rtlCol="0">
            <a:spAutoFit/>
          </a:bodyPr>
          <a:lstStyle/>
          <a:p>
            <a:r>
              <a:rPr lang="en-GB" sz="2400">
                <a:solidFill>
                  <a:schemeClr val="accent5"/>
                </a:solidFill>
              </a:rPr>
              <a:t>Visualisations</a:t>
            </a:r>
            <a:endParaRPr lang="en-AU" sz="2000">
              <a:solidFill>
                <a:schemeClr val="accent5"/>
              </a:solidFill>
            </a:endParaRPr>
          </a:p>
        </p:txBody>
      </p:sp>
      <p:sp>
        <p:nvSpPr>
          <p:cNvPr id="14" name="TextBox 13">
            <a:extLst>
              <a:ext uri="{FF2B5EF4-FFF2-40B4-BE49-F238E27FC236}">
                <a16:creationId xmlns:a16="http://schemas.microsoft.com/office/drawing/2014/main" id="{B98029D7-C17D-4E20-86E3-E3C1B42812F2}"/>
              </a:ext>
            </a:extLst>
          </p:cNvPr>
          <p:cNvSpPr txBox="1"/>
          <p:nvPr/>
        </p:nvSpPr>
        <p:spPr>
          <a:xfrm>
            <a:off x="4450080" y="3582022"/>
            <a:ext cx="2377440" cy="307777"/>
          </a:xfrm>
          <a:prstGeom prst="rect">
            <a:avLst/>
          </a:prstGeom>
          <a:noFill/>
        </p:spPr>
        <p:txBody>
          <a:bodyPr wrap="square" rtlCol="0">
            <a:spAutoFit/>
          </a:bodyPr>
          <a:lstStyle/>
          <a:p>
            <a:r>
              <a:rPr lang="en-GB">
                <a:solidFill>
                  <a:schemeClr val="accent1"/>
                </a:solidFill>
              </a:rPr>
              <a:t>Augmented Reality</a:t>
            </a:r>
            <a:endParaRPr lang="en-AU">
              <a:solidFill>
                <a:schemeClr val="accent1"/>
              </a:solidFill>
            </a:endParaRPr>
          </a:p>
        </p:txBody>
      </p:sp>
      <p:sp>
        <p:nvSpPr>
          <p:cNvPr id="15" name="TextBox 14">
            <a:extLst>
              <a:ext uri="{FF2B5EF4-FFF2-40B4-BE49-F238E27FC236}">
                <a16:creationId xmlns:a16="http://schemas.microsoft.com/office/drawing/2014/main" id="{4A9763D0-245D-40BA-998A-27DD4F6D3C17}"/>
              </a:ext>
            </a:extLst>
          </p:cNvPr>
          <p:cNvSpPr txBox="1"/>
          <p:nvPr/>
        </p:nvSpPr>
        <p:spPr>
          <a:xfrm>
            <a:off x="7056120" y="2494547"/>
            <a:ext cx="1790700" cy="369332"/>
          </a:xfrm>
          <a:prstGeom prst="rect">
            <a:avLst/>
          </a:prstGeom>
          <a:noFill/>
        </p:spPr>
        <p:txBody>
          <a:bodyPr wrap="square" rtlCol="0">
            <a:spAutoFit/>
          </a:bodyPr>
          <a:lstStyle/>
          <a:p>
            <a:r>
              <a:rPr lang="en-GB" sz="1800">
                <a:solidFill>
                  <a:schemeClr val="accent2"/>
                </a:solidFill>
              </a:rPr>
              <a:t>Mixed Reality</a:t>
            </a:r>
            <a:endParaRPr lang="en-AU" sz="1800">
              <a:solidFill>
                <a:schemeClr val="accent2"/>
              </a:solidFill>
            </a:endParaRPr>
          </a:p>
        </p:txBody>
      </p:sp>
      <p:sp>
        <p:nvSpPr>
          <p:cNvPr id="16" name="TextBox 15">
            <a:extLst>
              <a:ext uri="{FF2B5EF4-FFF2-40B4-BE49-F238E27FC236}">
                <a16:creationId xmlns:a16="http://schemas.microsoft.com/office/drawing/2014/main" id="{3FC21A50-F5A9-4AB5-B975-55F5C4D7C8A9}"/>
              </a:ext>
            </a:extLst>
          </p:cNvPr>
          <p:cNvSpPr txBox="1"/>
          <p:nvPr/>
        </p:nvSpPr>
        <p:spPr>
          <a:xfrm>
            <a:off x="5334000" y="4455168"/>
            <a:ext cx="2377440" cy="338554"/>
          </a:xfrm>
          <a:prstGeom prst="rect">
            <a:avLst/>
          </a:prstGeom>
          <a:noFill/>
        </p:spPr>
        <p:txBody>
          <a:bodyPr wrap="square" rtlCol="0">
            <a:spAutoFit/>
          </a:bodyPr>
          <a:lstStyle/>
          <a:p>
            <a:r>
              <a:rPr lang="en-GB" sz="1600">
                <a:solidFill>
                  <a:schemeClr val="accent4"/>
                </a:solidFill>
              </a:rPr>
              <a:t>Machine Learning</a:t>
            </a:r>
            <a:endParaRPr lang="en-AU" sz="1600">
              <a:solidFill>
                <a:schemeClr val="accent4"/>
              </a:solidFill>
            </a:endParaRPr>
          </a:p>
        </p:txBody>
      </p:sp>
      <p:sp>
        <p:nvSpPr>
          <p:cNvPr id="17" name="TextBox 16">
            <a:extLst>
              <a:ext uri="{FF2B5EF4-FFF2-40B4-BE49-F238E27FC236}">
                <a16:creationId xmlns:a16="http://schemas.microsoft.com/office/drawing/2014/main" id="{8EA03169-6C94-4EF6-80A4-0A1D3E8678D1}"/>
              </a:ext>
            </a:extLst>
          </p:cNvPr>
          <p:cNvSpPr txBox="1"/>
          <p:nvPr/>
        </p:nvSpPr>
        <p:spPr>
          <a:xfrm>
            <a:off x="6187440" y="1356635"/>
            <a:ext cx="2720340" cy="307777"/>
          </a:xfrm>
          <a:prstGeom prst="rect">
            <a:avLst/>
          </a:prstGeom>
          <a:noFill/>
        </p:spPr>
        <p:txBody>
          <a:bodyPr wrap="square" rtlCol="0">
            <a:spAutoFit/>
          </a:bodyPr>
          <a:lstStyle/>
          <a:p>
            <a:r>
              <a:rPr lang="en-GB">
                <a:solidFill>
                  <a:schemeClr val="accent1"/>
                </a:solidFill>
              </a:rPr>
              <a:t>Artificial Intelligence</a:t>
            </a:r>
            <a:endParaRPr lang="en-AU">
              <a:solidFill>
                <a:schemeClr val="accent1"/>
              </a:solidFill>
            </a:endParaRPr>
          </a:p>
        </p:txBody>
      </p:sp>
      <p:sp>
        <p:nvSpPr>
          <p:cNvPr id="18" name="TextBox 17">
            <a:extLst>
              <a:ext uri="{FF2B5EF4-FFF2-40B4-BE49-F238E27FC236}">
                <a16:creationId xmlns:a16="http://schemas.microsoft.com/office/drawing/2014/main" id="{2BC86D87-ACEE-45C7-9B3D-D4CD7CDA790A}"/>
              </a:ext>
            </a:extLst>
          </p:cNvPr>
          <p:cNvSpPr txBox="1"/>
          <p:nvPr/>
        </p:nvSpPr>
        <p:spPr>
          <a:xfrm>
            <a:off x="1094559" y="1210869"/>
            <a:ext cx="2720340" cy="369332"/>
          </a:xfrm>
          <a:prstGeom prst="rect">
            <a:avLst/>
          </a:prstGeom>
          <a:noFill/>
        </p:spPr>
        <p:txBody>
          <a:bodyPr wrap="square" rtlCol="0">
            <a:spAutoFit/>
          </a:bodyPr>
          <a:lstStyle/>
          <a:p>
            <a:r>
              <a:rPr lang="en-GB" sz="1800">
                <a:solidFill>
                  <a:schemeClr val="accent2"/>
                </a:solidFill>
              </a:rPr>
              <a:t>Digital Fabrication</a:t>
            </a:r>
            <a:endParaRPr lang="en-AU" sz="1800">
              <a:solidFill>
                <a:schemeClr val="accent2"/>
              </a:solidFill>
            </a:endParaRPr>
          </a:p>
        </p:txBody>
      </p:sp>
    </p:spTree>
    <p:extLst>
      <p:ext uri="{BB962C8B-B14F-4D97-AF65-F5344CB8AC3E}">
        <p14:creationId xmlns:p14="http://schemas.microsoft.com/office/powerpoint/2010/main" val="3030622168"/>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descr="Play Dough Recipe Play Doh Clipart Black And - Clip Art Library">
            <a:extLst>
              <a:ext uri="{FF2B5EF4-FFF2-40B4-BE49-F238E27FC236}">
                <a16:creationId xmlns:a16="http://schemas.microsoft.com/office/drawing/2014/main" id="{78AFB150-1FD6-4F7B-9445-A74DAF92D2C0}"/>
              </a:ext>
            </a:extLst>
          </p:cNvPr>
          <p:cNvPicPr>
            <a:picLocks noChangeAspect="1" noChangeArrowheads="1"/>
          </p:cNvPicPr>
          <p:nvPr/>
        </p:nvPicPr>
        <p:blipFill>
          <a:blip r:embed="rId3">
            <a:duotone>
              <a:schemeClr val="accent1">
                <a:shade val="45000"/>
                <a:satMod val="135000"/>
              </a:schemeClr>
              <a:prstClr val="white"/>
            </a:duotone>
            <a:extLst>
              <a:ext uri="{BEBA8EAE-BF5A-486C-A8C5-ECC9F3942E4B}">
                <a14:imgProps xmlns:a14="http://schemas.microsoft.com/office/drawing/2010/main">
                  <a14:imgLayer r:embed="rId4">
                    <a14:imgEffect>
                      <a14:brightnessContrast bright="-20000" contrast="20000"/>
                    </a14:imgEffect>
                  </a14:imgLayer>
                </a14:imgProps>
              </a:ext>
              <a:ext uri="{28A0092B-C50C-407E-A947-70E740481C1C}">
                <a14:useLocalDpi xmlns:a14="http://schemas.microsoft.com/office/drawing/2010/main" val="0"/>
              </a:ext>
            </a:extLst>
          </a:blip>
          <a:srcRect/>
          <a:stretch>
            <a:fillRect/>
          </a:stretch>
        </p:blipFill>
        <p:spPr bwMode="auto">
          <a:xfrm>
            <a:off x="444738" y="2115189"/>
            <a:ext cx="2077364" cy="1602654"/>
          </a:xfrm>
          <a:prstGeom prst="rect">
            <a:avLst/>
          </a:prstGeom>
          <a:solidFill>
            <a:srgbClr val="FFFFFF">
              <a:shade val="85000"/>
            </a:srgbClr>
          </a:solidFill>
          <a:ln w="1905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a:extLst>
            <a:ext uri="{909E8E84-426E-40DD-AFC4-6F175D3DCCD1}">
              <a14:hiddenFill xmlns:a14="http://schemas.microsoft.com/office/drawing/2010/main">
                <a:solidFill>
                  <a:srgbClr val="FFFFFF"/>
                </a:solidFill>
              </a14:hiddenFill>
            </a:ext>
          </a:extLst>
        </p:spPr>
      </p:pic>
      <p:sp>
        <p:nvSpPr>
          <p:cNvPr id="4" name="Title 3">
            <a:extLst>
              <a:ext uri="{FF2B5EF4-FFF2-40B4-BE49-F238E27FC236}">
                <a16:creationId xmlns:a16="http://schemas.microsoft.com/office/drawing/2014/main" id="{A6230A51-43A6-4755-BFAE-AB207ABF8FA9}"/>
              </a:ext>
            </a:extLst>
          </p:cNvPr>
          <p:cNvSpPr>
            <a:spLocks noGrp="1"/>
          </p:cNvSpPr>
          <p:nvPr>
            <p:ph type="title"/>
          </p:nvPr>
        </p:nvSpPr>
        <p:spPr/>
        <p:txBody>
          <a:bodyPr/>
          <a:lstStyle/>
          <a:p>
            <a:r>
              <a:rPr lang="en-NZ" dirty="0"/>
              <a:t>What is Coding?</a:t>
            </a:r>
            <a:endParaRPr lang="en-GB" dirty="0"/>
          </a:p>
        </p:txBody>
      </p:sp>
      <p:pic>
        <p:nvPicPr>
          <p:cNvPr id="6" name="Picture 2" descr="Free Clip art of Pizza Clipart Black and White #453 Best Square Pizza  Clipart Black And White #453 ⋆ ClipartView.com | Pizza, Disegno cibo, Colori">
            <a:extLst>
              <a:ext uri="{FF2B5EF4-FFF2-40B4-BE49-F238E27FC236}">
                <a16:creationId xmlns:a16="http://schemas.microsoft.com/office/drawing/2014/main" id="{54335547-2174-4DDF-BDC4-18A707D302BB}"/>
              </a:ext>
            </a:extLst>
          </p:cNvPr>
          <p:cNvPicPr>
            <a:picLocks noChangeAspect="1" noChangeArrowheads="1"/>
          </p:cNvPicPr>
          <p:nvPr/>
        </p:nvPicPr>
        <p:blipFill>
          <a:blip r:embed="rId5" cstate="print">
            <a:duotone>
              <a:schemeClr val="accent1">
                <a:shade val="45000"/>
                <a:satMod val="135000"/>
              </a:schemeClr>
              <a:prstClr val="white"/>
            </a:duotone>
            <a:extLst>
              <a:ext uri="{BEBA8EAE-BF5A-486C-A8C5-ECC9F3942E4B}">
                <a14:imgProps xmlns:a14="http://schemas.microsoft.com/office/drawing/2010/main">
                  <a14:imgLayer r:embed="rId6">
                    <a14:imgEffect>
                      <a14:brightnessContrast bright="-20000" contrast="20000"/>
                    </a14:imgEffect>
                  </a14:imgLayer>
                </a14:imgProps>
              </a:ext>
              <a:ext uri="{28A0092B-C50C-407E-A947-70E740481C1C}">
                <a14:useLocalDpi xmlns:a14="http://schemas.microsoft.com/office/drawing/2010/main" val="0"/>
              </a:ext>
            </a:extLst>
          </a:blip>
          <a:srcRect/>
          <a:stretch>
            <a:fillRect/>
          </a:stretch>
        </p:blipFill>
        <p:spPr bwMode="auto">
          <a:xfrm>
            <a:off x="6563566" y="2023993"/>
            <a:ext cx="1827108" cy="1777726"/>
          </a:xfrm>
          <a:prstGeom prst="rect">
            <a:avLst/>
          </a:prstGeom>
          <a:solidFill>
            <a:srgbClr val="FFFFFF">
              <a:shade val="85000"/>
            </a:srgbClr>
          </a:solidFill>
          <a:ln w="1905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a:extLst>
            <a:ext uri="{909E8E84-426E-40DD-AFC4-6F175D3DCCD1}">
              <a14:hiddenFill xmlns:a14="http://schemas.microsoft.com/office/drawing/2010/main">
                <a:solidFill>
                  <a:srgbClr val="FFFFFF"/>
                </a:solidFill>
              </a14:hiddenFill>
            </a:ext>
          </a:extLst>
        </p:spPr>
      </p:pic>
      <p:sp>
        <p:nvSpPr>
          <p:cNvPr id="18" name="TextBox 17">
            <a:extLst>
              <a:ext uri="{FF2B5EF4-FFF2-40B4-BE49-F238E27FC236}">
                <a16:creationId xmlns:a16="http://schemas.microsoft.com/office/drawing/2014/main" id="{7FBADFFA-E660-43CE-A556-84B6EA84F19A}"/>
              </a:ext>
            </a:extLst>
          </p:cNvPr>
          <p:cNvSpPr txBox="1"/>
          <p:nvPr/>
        </p:nvSpPr>
        <p:spPr>
          <a:xfrm>
            <a:off x="865061" y="1393117"/>
            <a:ext cx="1236719" cy="323165"/>
          </a:xfrm>
          <a:prstGeom prst="rect">
            <a:avLst/>
          </a:prstGeom>
          <a:noFill/>
        </p:spPr>
        <p:txBody>
          <a:bodyPr wrap="square" rtlCol="0">
            <a:spAutoFit/>
          </a:bodyPr>
          <a:lstStyle/>
          <a:p>
            <a:pPr algn="ctr"/>
            <a:r>
              <a:rPr lang="en-NZ" sz="1500" b="1" dirty="0">
                <a:solidFill>
                  <a:schemeClr val="accent2"/>
                </a:solidFill>
              </a:rPr>
              <a:t>Ingredients</a:t>
            </a:r>
          </a:p>
        </p:txBody>
      </p:sp>
      <p:sp>
        <p:nvSpPr>
          <p:cNvPr id="22" name="TextBox 21">
            <a:extLst>
              <a:ext uri="{FF2B5EF4-FFF2-40B4-BE49-F238E27FC236}">
                <a16:creationId xmlns:a16="http://schemas.microsoft.com/office/drawing/2014/main" id="{E16155E0-2B9D-4A6F-9595-D68E73936DD8}"/>
              </a:ext>
            </a:extLst>
          </p:cNvPr>
          <p:cNvSpPr txBox="1"/>
          <p:nvPr/>
        </p:nvSpPr>
        <p:spPr>
          <a:xfrm>
            <a:off x="6972623" y="1393117"/>
            <a:ext cx="1131824" cy="323165"/>
          </a:xfrm>
          <a:prstGeom prst="rect">
            <a:avLst/>
          </a:prstGeom>
          <a:noFill/>
        </p:spPr>
        <p:txBody>
          <a:bodyPr wrap="square" rtlCol="0">
            <a:spAutoFit/>
          </a:bodyPr>
          <a:lstStyle/>
          <a:p>
            <a:pPr algn="ctr"/>
            <a:r>
              <a:rPr lang="en-NZ" sz="1500" b="1" dirty="0">
                <a:solidFill>
                  <a:schemeClr val="accent2"/>
                </a:solidFill>
              </a:rPr>
              <a:t>Pizza</a:t>
            </a:r>
          </a:p>
        </p:txBody>
      </p:sp>
      <p:pic>
        <p:nvPicPr>
          <p:cNvPr id="13" name="Picture 12" descr="A picture containing shape&#10;&#10;Description automatically generated">
            <a:extLst>
              <a:ext uri="{FF2B5EF4-FFF2-40B4-BE49-F238E27FC236}">
                <a16:creationId xmlns:a16="http://schemas.microsoft.com/office/drawing/2014/main" id="{EEB21114-1AF4-4B11-884C-3F18E37D1BB8}"/>
              </a:ext>
            </a:extLst>
          </p:cNvPr>
          <p:cNvPicPr>
            <a:picLocks noChangeAspect="1"/>
          </p:cNvPicPr>
          <p:nvPr/>
        </p:nvPicPr>
        <p:blipFill>
          <a:blip r:embed="rId7">
            <a:duotone>
              <a:schemeClr val="accent1">
                <a:shade val="45000"/>
                <a:satMod val="135000"/>
              </a:schemeClr>
              <a:prstClr val="white"/>
            </a:duotone>
            <a:extLst>
              <a:ext uri="{28A0092B-C50C-407E-A947-70E740481C1C}">
                <a14:useLocalDpi xmlns:a14="http://schemas.microsoft.com/office/drawing/2010/main" val="0"/>
              </a:ext>
            </a:extLst>
          </a:blip>
          <a:stretch>
            <a:fillRect/>
          </a:stretch>
        </p:blipFill>
        <p:spPr>
          <a:xfrm>
            <a:off x="3325341" y="1996064"/>
            <a:ext cx="2444780" cy="1833585"/>
          </a:xfrm>
          <a:prstGeom prst="rect">
            <a:avLst/>
          </a:prstGeom>
          <a:ln w="127000" cap="rnd">
            <a:solidFill>
              <a:srgbClr val="FFFFFF"/>
            </a:solidFill>
          </a:ln>
          <a:effectLst>
            <a:outerShdw blurRad="76200" dist="95250" dir="10500000" sx="97000" sy="23000" kx="900000" algn="br" rotWithShape="0">
              <a:srgbClr val="000000">
                <a:alpha val="20000"/>
              </a:srgbClr>
            </a:outerShdw>
          </a:effectLst>
          <a:scene3d>
            <a:camera prst="orthographicFront"/>
            <a:lightRig rig="twoPt" dir="t">
              <a:rot lat="0" lon="0" rev="7800000"/>
            </a:lightRig>
          </a:scene3d>
          <a:sp3d contourW="6350">
            <a:bevelT w="50800" h="16510"/>
            <a:contourClr>
              <a:srgbClr val="C0C0C0"/>
            </a:contourClr>
          </a:sp3d>
        </p:spPr>
      </p:pic>
      <p:sp>
        <p:nvSpPr>
          <p:cNvPr id="16" name="TextBox 15">
            <a:extLst>
              <a:ext uri="{FF2B5EF4-FFF2-40B4-BE49-F238E27FC236}">
                <a16:creationId xmlns:a16="http://schemas.microsoft.com/office/drawing/2014/main" id="{4512D38E-565F-4335-BCC2-1A7EC807848A}"/>
              </a:ext>
            </a:extLst>
          </p:cNvPr>
          <p:cNvSpPr txBox="1"/>
          <p:nvPr/>
        </p:nvSpPr>
        <p:spPr>
          <a:xfrm>
            <a:off x="3953640" y="1356507"/>
            <a:ext cx="1236719" cy="323165"/>
          </a:xfrm>
          <a:prstGeom prst="rect">
            <a:avLst/>
          </a:prstGeom>
          <a:noFill/>
        </p:spPr>
        <p:txBody>
          <a:bodyPr wrap="square" rtlCol="0">
            <a:spAutoFit/>
          </a:bodyPr>
          <a:lstStyle/>
          <a:p>
            <a:pPr algn="ctr"/>
            <a:r>
              <a:rPr lang="en-NZ" sz="1500" b="1" dirty="0">
                <a:solidFill>
                  <a:schemeClr val="accent2"/>
                </a:solidFill>
              </a:rPr>
              <a:t>Recipe</a:t>
            </a:r>
          </a:p>
        </p:txBody>
      </p:sp>
      <p:sp>
        <p:nvSpPr>
          <p:cNvPr id="17" name="TextBox 16">
            <a:extLst>
              <a:ext uri="{FF2B5EF4-FFF2-40B4-BE49-F238E27FC236}">
                <a16:creationId xmlns:a16="http://schemas.microsoft.com/office/drawing/2014/main" id="{552815B3-598F-4F4A-811E-101B49908294}"/>
              </a:ext>
            </a:extLst>
          </p:cNvPr>
          <p:cNvSpPr txBox="1"/>
          <p:nvPr/>
        </p:nvSpPr>
        <p:spPr>
          <a:xfrm>
            <a:off x="865061" y="4139269"/>
            <a:ext cx="1198832" cy="323165"/>
          </a:xfrm>
          <a:prstGeom prst="rect">
            <a:avLst/>
          </a:prstGeom>
          <a:noFill/>
        </p:spPr>
        <p:txBody>
          <a:bodyPr wrap="square" rtlCol="0">
            <a:spAutoFit/>
          </a:bodyPr>
          <a:lstStyle/>
          <a:p>
            <a:pPr algn="ctr"/>
            <a:r>
              <a:rPr lang="en-NZ" sz="1500" b="1" dirty="0"/>
              <a:t>Inputs</a:t>
            </a:r>
          </a:p>
        </p:txBody>
      </p:sp>
      <p:sp>
        <p:nvSpPr>
          <p:cNvPr id="20" name="TextBox 19">
            <a:extLst>
              <a:ext uri="{FF2B5EF4-FFF2-40B4-BE49-F238E27FC236}">
                <a16:creationId xmlns:a16="http://schemas.microsoft.com/office/drawing/2014/main" id="{183BFEE9-4616-458A-A1DB-44ADC23B87B8}"/>
              </a:ext>
            </a:extLst>
          </p:cNvPr>
          <p:cNvSpPr txBox="1"/>
          <p:nvPr/>
        </p:nvSpPr>
        <p:spPr>
          <a:xfrm>
            <a:off x="6844200" y="4139269"/>
            <a:ext cx="1198832" cy="323165"/>
          </a:xfrm>
          <a:prstGeom prst="rect">
            <a:avLst/>
          </a:prstGeom>
          <a:noFill/>
        </p:spPr>
        <p:txBody>
          <a:bodyPr wrap="square" rtlCol="0">
            <a:spAutoFit/>
          </a:bodyPr>
          <a:lstStyle/>
          <a:p>
            <a:pPr algn="ctr"/>
            <a:r>
              <a:rPr lang="en-NZ" sz="1500" b="1" dirty="0"/>
              <a:t>Output</a:t>
            </a:r>
          </a:p>
        </p:txBody>
      </p:sp>
      <p:sp>
        <p:nvSpPr>
          <p:cNvPr id="21" name="TextBox 20">
            <a:extLst>
              <a:ext uri="{FF2B5EF4-FFF2-40B4-BE49-F238E27FC236}">
                <a16:creationId xmlns:a16="http://schemas.microsoft.com/office/drawing/2014/main" id="{D9E6234A-5734-4914-AAD4-1EEDCE79ED53}"/>
              </a:ext>
            </a:extLst>
          </p:cNvPr>
          <p:cNvSpPr txBox="1"/>
          <p:nvPr/>
        </p:nvSpPr>
        <p:spPr>
          <a:xfrm>
            <a:off x="3948315" y="4139269"/>
            <a:ext cx="1198832" cy="323165"/>
          </a:xfrm>
          <a:prstGeom prst="rect">
            <a:avLst/>
          </a:prstGeom>
          <a:noFill/>
        </p:spPr>
        <p:txBody>
          <a:bodyPr wrap="square" rtlCol="0">
            <a:spAutoFit/>
          </a:bodyPr>
          <a:lstStyle/>
          <a:p>
            <a:pPr algn="ctr"/>
            <a:r>
              <a:rPr lang="en-NZ" sz="1500" b="1" dirty="0"/>
              <a:t>Operations </a:t>
            </a:r>
          </a:p>
        </p:txBody>
      </p:sp>
    </p:spTree>
    <p:extLst>
      <p:ext uri="{BB962C8B-B14F-4D97-AF65-F5344CB8AC3E}">
        <p14:creationId xmlns:p14="http://schemas.microsoft.com/office/powerpoint/2010/main" val="281219438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050"/>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2"/>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6"/>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20"/>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22" grpId="0"/>
      <p:bldP spid="16" grpId="0"/>
      <p:bldP spid="17" grpId="0"/>
      <p:bldP spid="20" grpId="0"/>
      <p:bldP spid="21"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A picture containing diagram&#10;&#10;Description automatically generated">
            <a:extLst>
              <a:ext uri="{FF2B5EF4-FFF2-40B4-BE49-F238E27FC236}">
                <a16:creationId xmlns:a16="http://schemas.microsoft.com/office/drawing/2014/main" id="{8B089195-3C1D-4F2F-8FF0-F1E1155DAE16}"/>
              </a:ext>
            </a:extLst>
          </p:cNvPr>
          <p:cNvPicPr>
            <a:picLocks noChangeAspect="1"/>
          </p:cNvPicPr>
          <p:nvPr/>
        </p:nvPicPr>
        <p:blipFill>
          <a:blip r:embed="rId3" cstate="print">
            <a:duotone>
              <a:schemeClr val="accent1">
                <a:shade val="45000"/>
                <a:satMod val="135000"/>
              </a:schemeClr>
              <a:prstClr val="white"/>
            </a:duotone>
            <a:extLst>
              <a:ext uri="{28A0092B-C50C-407E-A947-70E740481C1C}">
                <a14:useLocalDpi xmlns:a14="http://schemas.microsoft.com/office/drawing/2010/main" val="0"/>
              </a:ext>
            </a:extLst>
          </a:blip>
          <a:stretch>
            <a:fillRect/>
          </a:stretch>
        </p:blipFill>
        <p:spPr>
          <a:xfrm>
            <a:off x="5109105" y="1998282"/>
            <a:ext cx="3078968" cy="3078968"/>
          </a:xfrm>
          <a:prstGeom prst="rect">
            <a:avLst/>
          </a:prstGeom>
        </p:spPr>
      </p:pic>
      <p:pic>
        <p:nvPicPr>
          <p:cNvPr id="50" name="Picture 49">
            <a:extLst>
              <a:ext uri="{FF2B5EF4-FFF2-40B4-BE49-F238E27FC236}">
                <a16:creationId xmlns:a16="http://schemas.microsoft.com/office/drawing/2014/main" id="{73AE3B84-8FA4-45E8-8D81-46C77E01A417}"/>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416696" y="848201"/>
            <a:ext cx="2660500" cy="1880973"/>
          </a:xfrm>
          <a:prstGeom prst="rect">
            <a:avLst/>
          </a:prstGeom>
        </p:spPr>
      </p:pic>
      <p:sp>
        <p:nvSpPr>
          <p:cNvPr id="8" name="TextBox 7">
            <a:extLst>
              <a:ext uri="{FF2B5EF4-FFF2-40B4-BE49-F238E27FC236}">
                <a16:creationId xmlns:a16="http://schemas.microsoft.com/office/drawing/2014/main" id="{1EDA296C-4F6C-4EE1-AC2F-32469B2139BA}"/>
              </a:ext>
            </a:extLst>
          </p:cNvPr>
          <p:cNvSpPr txBox="1"/>
          <p:nvPr/>
        </p:nvSpPr>
        <p:spPr>
          <a:xfrm>
            <a:off x="1200849" y="2662615"/>
            <a:ext cx="2358831" cy="253916"/>
          </a:xfrm>
          <a:custGeom>
            <a:avLst/>
            <a:gdLst>
              <a:gd name="connsiteX0" fmla="*/ 0 w 2358831"/>
              <a:gd name="connsiteY0" fmla="*/ 0 h 253916"/>
              <a:gd name="connsiteX1" fmla="*/ 542531 w 2358831"/>
              <a:gd name="connsiteY1" fmla="*/ 0 h 253916"/>
              <a:gd name="connsiteX2" fmla="*/ 1155827 w 2358831"/>
              <a:gd name="connsiteY2" fmla="*/ 0 h 253916"/>
              <a:gd name="connsiteX3" fmla="*/ 1769123 w 2358831"/>
              <a:gd name="connsiteY3" fmla="*/ 0 h 253916"/>
              <a:gd name="connsiteX4" fmla="*/ 2358831 w 2358831"/>
              <a:gd name="connsiteY4" fmla="*/ 0 h 253916"/>
              <a:gd name="connsiteX5" fmla="*/ 2358831 w 2358831"/>
              <a:gd name="connsiteY5" fmla="*/ 253916 h 253916"/>
              <a:gd name="connsiteX6" fmla="*/ 1745535 w 2358831"/>
              <a:gd name="connsiteY6" fmla="*/ 253916 h 253916"/>
              <a:gd name="connsiteX7" fmla="*/ 1203004 w 2358831"/>
              <a:gd name="connsiteY7" fmla="*/ 253916 h 253916"/>
              <a:gd name="connsiteX8" fmla="*/ 566119 w 2358831"/>
              <a:gd name="connsiteY8" fmla="*/ 253916 h 253916"/>
              <a:gd name="connsiteX9" fmla="*/ 0 w 2358831"/>
              <a:gd name="connsiteY9" fmla="*/ 253916 h 253916"/>
              <a:gd name="connsiteX10" fmla="*/ 0 w 2358831"/>
              <a:gd name="connsiteY10" fmla="*/ 0 h 2539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358831" h="253916" extrusionOk="0">
                <a:moveTo>
                  <a:pt x="0" y="0"/>
                </a:moveTo>
                <a:cubicBezTo>
                  <a:pt x="128824" y="-13554"/>
                  <a:pt x="363443" y="-14955"/>
                  <a:pt x="542531" y="0"/>
                </a:cubicBezTo>
                <a:cubicBezTo>
                  <a:pt x="721619" y="14955"/>
                  <a:pt x="892374" y="12779"/>
                  <a:pt x="1155827" y="0"/>
                </a:cubicBezTo>
                <a:cubicBezTo>
                  <a:pt x="1419280" y="-12779"/>
                  <a:pt x="1499388" y="-26740"/>
                  <a:pt x="1769123" y="0"/>
                </a:cubicBezTo>
                <a:cubicBezTo>
                  <a:pt x="2038858" y="26740"/>
                  <a:pt x="2143702" y="16455"/>
                  <a:pt x="2358831" y="0"/>
                </a:cubicBezTo>
                <a:cubicBezTo>
                  <a:pt x="2370170" y="64576"/>
                  <a:pt x="2356044" y="171297"/>
                  <a:pt x="2358831" y="253916"/>
                </a:cubicBezTo>
                <a:cubicBezTo>
                  <a:pt x="2147356" y="276561"/>
                  <a:pt x="1958438" y="223783"/>
                  <a:pt x="1745535" y="253916"/>
                </a:cubicBezTo>
                <a:cubicBezTo>
                  <a:pt x="1532632" y="284049"/>
                  <a:pt x="1368639" y="267140"/>
                  <a:pt x="1203004" y="253916"/>
                </a:cubicBezTo>
                <a:cubicBezTo>
                  <a:pt x="1037369" y="240692"/>
                  <a:pt x="750877" y="255115"/>
                  <a:pt x="566119" y="253916"/>
                </a:cubicBezTo>
                <a:cubicBezTo>
                  <a:pt x="381361" y="252717"/>
                  <a:pt x="157768" y="264633"/>
                  <a:pt x="0" y="253916"/>
                </a:cubicBezTo>
                <a:cubicBezTo>
                  <a:pt x="-5597" y="128461"/>
                  <a:pt x="9309" y="121215"/>
                  <a:pt x="0" y="0"/>
                </a:cubicBezTo>
                <a:close/>
              </a:path>
            </a:pathLst>
          </a:custGeom>
          <a:no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square" rtlCol="0">
            <a:spAutoFit/>
          </a:bodyPr>
          <a:lstStyle/>
          <a:p>
            <a:r>
              <a:rPr lang="en-NZ" sz="1050" dirty="0"/>
              <a:t>Apples, Eggs, Lemon, Chocolate</a:t>
            </a:r>
          </a:p>
        </p:txBody>
      </p:sp>
      <p:sp>
        <p:nvSpPr>
          <p:cNvPr id="26" name="TextBox 25">
            <a:extLst>
              <a:ext uri="{FF2B5EF4-FFF2-40B4-BE49-F238E27FC236}">
                <a16:creationId xmlns:a16="http://schemas.microsoft.com/office/drawing/2014/main" id="{66CC720D-617C-4BD4-B145-F8AD67E8A132}"/>
              </a:ext>
            </a:extLst>
          </p:cNvPr>
          <p:cNvSpPr txBox="1"/>
          <p:nvPr/>
        </p:nvSpPr>
        <p:spPr>
          <a:xfrm>
            <a:off x="1498147" y="3283850"/>
            <a:ext cx="1670650" cy="253916"/>
          </a:xfrm>
          <a:custGeom>
            <a:avLst/>
            <a:gdLst>
              <a:gd name="connsiteX0" fmla="*/ 0 w 1670650"/>
              <a:gd name="connsiteY0" fmla="*/ 0 h 253916"/>
              <a:gd name="connsiteX1" fmla="*/ 523470 w 1670650"/>
              <a:gd name="connsiteY1" fmla="*/ 0 h 253916"/>
              <a:gd name="connsiteX2" fmla="*/ 1097060 w 1670650"/>
              <a:gd name="connsiteY2" fmla="*/ 0 h 253916"/>
              <a:gd name="connsiteX3" fmla="*/ 1670650 w 1670650"/>
              <a:gd name="connsiteY3" fmla="*/ 0 h 253916"/>
              <a:gd name="connsiteX4" fmla="*/ 1670650 w 1670650"/>
              <a:gd name="connsiteY4" fmla="*/ 253916 h 253916"/>
              <a:gd name="connsiteX5" fmla="*/ 1147180 w 1670650"/>
              <a:gd name="connsiteY5" fmla="*/ 253916 h 253916"/>
              <a:gd name="connsiteX6" fmla="*/ 623709 w 1670650"/>
              <a:gd name="connsiteY6" fmla="*/ 253916 h 253916"/>
              <a:gd name="connsiteX7" fmla="*/ 0 w 1670650"/>
              <a:gd name="connsiteY7" fmla="*/ 253916 h 253916"/>
              <a:gd name="connsiteX8" fmla="*/ 0 w 1670650"/>
              <a:gd name="connsiteY8" fmla="*/ 0 h 2539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70650" h="253916" extrusionOk="0">
                <a:moveTo>
                  <a:pt x="0" y="0"/>
                </a:moveTo>
                <a:cubicBezTo>
                  <a:pt x="138299" y="-25354"/>
                  <a:pt x="354754" y="18152"/>
                  <a:pt x="523470" y="0"/>
                </a:cubicBezTo>
                <a:cubicBezTo>
                  <a:pt x="692186" y="-18152"/>
                  <a:pt x="886880" y="22807"/>
                  <a:pt x="1097060" y="0"/>
                </a:cubicBezTo>
                <a:cubicBezTo>
                  <a:pt x="1307240" y="-22807"/>
                  <a:pt x="1482663" y="4216"/>
                  <a:pt x="1670650" y="0"/>
                </a:cubicBezTo>
                <a:cubicBezTo>
                  <a:pt x="1677247" y="57392"/>
                  <a:pt x="1676319" y="161578"/>
                  <a:pt x="1670650" y="253916"/>
                </a:cubicBezTo>
                <a:cubicBezTo>
                  <a:pt x="1504292" y="253755"/>
                  <a:pt x="1362883" y="271643"/>
                  <a:pt x="1147180" y="253916"/>
                </a:cubicBezTo>
                <a:cubicBezTo>
                  <a:pt x="931477" y="236190"/>
                  <a:pt x="810703" y="244700"/>
                  <a:pt x="623709" y="253916"/>
                </a:cubicBezTo>
                <a:cubicBezTo>
                  <a:pt x="436715" y="263132"/>
                  <a:pt x="189979" y="273226"/>
                  <a:pt x="0" y="253916"/>
                </a:cubicBezTo>
                <a:cubicBezTo>
                  <a:pt x="10723" y="135973"/>
                  <a:pt x="-5579" y="123598"/>
                  <a:pt x="0" y="0"/>
                </a:cubicBezTo>
                <a:close/>
              </a:path>
            </a:pathLst>
          </a:custGeom>
          <a:no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none" rtlCol="0">
            <a:spAutoFit/>
          </a:bodyPr>
          <a:lstStyle/>
          <a:p>
            <a:r>
              <a:rPr lang="en-NZ" sz="1050" dirty="0"/>
              <a:t>Revit or Civil 3D element</a:t>
            </a:r>
          </a:p>
        </p:txBody>
      </p:sp>
      <p:sp>
        <p:nvSpPr>
          <p:cNvPr id="28" name="TextBox 27">
            <a:extLst>
              <a:ext uri="{FF2B5EF4-FFF2-40B4-BE49-F238E27FC236}">
                <a16:creationId xmlns:a16="http://schemas.microsoft.com/office/drawing/2014/main" id="{25309656-8EA8-4F01-A6D2-023D1B40EA57}"/>
              </a:ext>
            </a:extLst>
          </p:cNvPr>
          <p:cNvSpPr txBox="1"/>
          <p:nvPr/>
        </p:nvSpPr>
        <p:spPr>
          <a:xfrm>
            <a:off x="1355073" y="2021576"/>
            <a:ext cx="1547218" cy="253916"/>
          </a:xfrm>
          <a:custGeom>
            <a:avLst/>
            <a:gdLst>
              <a:gd name="connsiteX0" fmla="*/ 0 w 1547218"/>
              <a:gd name="connsiteY0" fmla="*/ 0 h 253916"/>
              <a:gd name="connsiteX1" fmla="*/ 484795 w 1547218"/>
              <a:gd name="connsiteY1" fmla="*/ 0 h 253916"/>
              <a:gd name="connsiteX2" fmla="*/ 1016006 w 1547218"/>
              <a:gd name="connsiteY2" fmla="*/ 0 h 253916"/>
              <a:gd name="connsiteX3" fmla="*/ 1547218 w 1547218"/>
              <a:gd name="connsiteY3" fmla="*/ 0 h 253916"/>
              <a:gd name="connsiteX4" fmla="*/ 1547218 w 1547218"/>
              <a:gd name="connsiteY4" fmla="*/ 253916 h 253916"/>
              <a:gd name="connsiteX5" fmla="*/ 1062423 w 1547218"/>
              <a:gd name="connsiteY5" fmla="*/ 253916 h 253916"/>
              <a:gd name="connsiteX6" fmla="*/ 577628 w 1547218"/>
              <a:gd name="connsiteY6" fmla="*/ 253916 h 253916"/>
              <a:gd name="connsiteX7" fmla="*/ 0 w 1547218"/>
              <a:gd name="connsiteY7" fmla="*/ 253916 h 253916"/>
              <a:gd name="connsiteX8" fmla="*/ 0 w 1547218"/>
              <a:gd name="connsiteY8" fmla="*/ 0 h 2539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47218" h="253916" extrusionOk="0">
                <a:moveTo>
                  <a:pt x="0" y="0"/>
                </a:moveTo>
                <a:cubicBezTo>
                  <a:pt x="192987" y="-9042"/>
                  <a:pt x="340782" y="3804"/>
                  <a:pt x="484795" y="0"/>
                </a:cubicBezTo>
                <a:cubicBezTo>
                  <a:pt x="628809" y="-3804"/>
                  <a:pt x="854720" y="-10931"/>
                  <a:pt x="1016006" y="0"/>
                </a:cubicBezTo>
                <a:cubicBezTo>
                  <a:pt x="1177292" y="10931"/>
                  <a:pt x="1307177" y="-23763"/>
                  <a:pt x="1547218" y="0"/>
                </a:cubicBezTo>
                <a:cubicBezTo>
                  <a:pt x="1553815" y="57392"/>
                  <a:pt x="1552887" y="161578"/>
                  <a:pt x="1547218" y="253916"/>
                </a:cubicBezTo>
                <a:cubicBezTo>
                  <a:pt x="1340204" y="274887"/>
                  <a:pt x="1277509" y="264493"/>
                  <a:pt x="1062423" y="253916"/>
                </a:cubicBezTo>
                <a:cubicBezTo>
                  <a:pt x="847338" y="243339"/>
                  <a:pt x="674964" y="255060"/>
                  <a:pt x="577628" y="253916"/>
                </a:cubicBezTo>
                <a:cubicBezTo>
                  <a:pt x="480293" y="252772"/>
                  <a:pt x="244299" y="253628"/>
                  <a:pt x="0" y="253916"/>
                </a:cubicBezTo>
                <a:cubicBezTo>
                  <a:pt x="10723" y="135973"/>
                  <a:pt x="-5579" y="123598"/>
                  <a:pt x="0" y="0"/>
                </a:cubicBezTo>
                <a:close/>
              </a:path>
            </a:pathLst>
          </a:custGeom>
          <a:no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none" rtlCol="0">
            <a:spAutoFit/>
          </a:bodyPr>
          <a:lstStyle/>
          <a:p>
            <a:r>
              <a:rPr lang="en-NZ" sz="1050" dirty="0"/>
              <a:t>7    -------[]---------------&gt;</a:t>
            </a:r>
          </a:p>
        </p:txBody>
      </p:sp>
      <p:sp>
        <p:nvSpPr>
          <p:cNvPr id="33" name="TextBox 32">
            <a:extLst>
              <a:ext uri="{FF2B5EF4-FFF2-40B4-BE49-F238E27FC236}">
                <a16:creationId xmlns:a16="http://schemas.microsoft.com/office/drawing/2014/main" id="{90A62351-58FE-4B63-93F1-354C730048F6}"/>
              </a:ext>
            </a:extLst>
          </p:cNvPr>
          <p:cNvSpPr txBox="1"/>
          <p:nvPr/>
        </p:nvSpPr>
        <p:spPr>
          <a:xfrm>
            <a:off x="1287707" y="1004501"/>
            <a:ext cx="445701" cy="507831"/>
          </a:xfrm>
          <a:custGeom>
            <a:avLst/>
            <a:gdLst>
              <a:gd name="connsiteX0" fmla="*/ 0 w 445701"/>
              <a:gd name="connsiteY0" fmla="*/ 0 h 507831"/>
              <a:gd name="connsiteX1" fmla="*/ 445701 w 445701"/>
              <a:gd name="connsiteY1" fmla="*/ 0 h 507831"/>
              <a:gd name="connsiteX2" fmla="*/ 445701 w 445701"/>
              <a:gd name="connsiteY2" fmla="*/ 507831 h 507831"/>
              <a:gd name="connsiteX3" fmla="*/ 0 w 445701"/>
              <a:gd name="connsiteY3" fmla="*/ 507831 h 507831"/>
              <a:gd name="connsiteX4" fmla="*/ 0 w 445701"/>
              <a:gd name="connsiteY4" fmla="*/ 0 h 50783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5701" h="507831" fill="none" extrusionOk="0">
                <a:moveTo>
                  <a:pt x="0" y="0"/>
                </a:moveTo>
                <a:cubicBezTo>
                  <a:pt x="161824" y="2813"/>
                  <a:pt x="351926" y="15455"/>
                  <a:pt x="445701" y="0"/>
                </a:cubicBezTo>
                <a:cubicBezTo>
                  <a:pt x="470748" y="186888"/>
                  <a:pt x="465203" y="275133"/>
                  <a:pt x="445701" y="507831"/>
                </a:cubicBezTo>
                <a:cubicBezTo>
                  <a:pt x="336644" y="527040"/>
                  <a:pt x="213880" y="489196"/>
                  <a:pt x="0" y="507831"/>
                </a:cubicBezTo>
                <a:cubicBezTo>
                  <a:pt x="1421" y="381569"/>
                  <a:pt x="-13441" y="179800"/>
                  <a:pt x="0" y="0"/>
                </a:cubicBezTo>
                <a:close/>
              </a:path>
              <a:path w="445701" h="507831" stroke="0" extrusionOk="0">
                <a:moveTo>
                  <a:pt x="0" y="0"/>
                </a:moveTo>
                <a:cubicBezTo>
                  <a:pt x="221297" y="17456"/>
                  <a:pt x="325138" y="10358"/>
                  <a:pt x="445701" y="0"/>
                </a:cubicBezTo>
                <a:cubicBezTo>
                  <a:pt x="436836" y="245897"/>
                  <a:pt x="456936" y="330078"/>
                  <a:pt x="445701" y="507831"/>
                </a:cubicBezTo>
                <a:cubicBezTo>
                  <a:pt x="224673" y="507855"/>
                  <a:pt x="167786" y="518926"/>
                  <a:pt x="0" y="507831"/>
                </a:cubicBezTo>
                <a:cubicBezTo>
                  <a:pt x="-21465" y="373009"/>
                  <a:pt x="591" y="115506"/>
                  <a:pt x="0" y="0"/>
                </a:cubicBezTo>
                <a:close/>
              </a:path>
            </a:pathLst>
          </a:custGeom>
          <a:solidFill>
            <a:srgbClr val="F8AC04"/>
          </a:solid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square" rtlCol="0">
            <a:spAutoFit/>
          </a:bodyPr>
          <a:lstStyle/>
          <a:p>
            <a:endParaRPr lang="en-NZ" sz="900" dirty="0"/>
          </a:p>
          <a:p>
            <a:endParaRPr lang="en-NZ" sz="900" dirty="0"/>
          </a:p>
          <a:p>
            <a:endParaRPr lang="en-NZ" sz="900" dirty="0"/>
          </a:p>
        </p:txBody>
      </p:sp>
      <p:sp>
        <p:nvSpPr>
          <p:cNvPr id="31" name="TextBox 30">
            <a:extLst>
              <a:ext uri="{FF2B5EF4-FFF2-40B4-BE49-F238E27FC236}">
                <a16:creationId xmlns:a16="http://schemas.microsoft.com/office/drawing/2014/main" id="{BFC50469-D0ED-4900-8172-CED1803BE7E7}"/>
              </a:ext>
            </a:extLst>
          </p:cNvPr>
          <p:cNvSpPr txBox="1"/>
          <p:nvPr/>
        </p:nvSpPr>
        <p:spPr>
          <a:xfrm>
            <a:off x="1171494" y="1144800"/>
            <a:ext cx="421910" cy="230832"/>
          </a:xfrm>
          <a:custGeom>
            <a:avLst/>
            <a:gdLst>
              <a:gd name="connsiteX0" fmla="*/ 0 w 421910"/>
              <a:gd name="connsiteY0" fmla="*/ 0 h 230832"/>
              <a:gd name="connsiteX1" fmla="*/ 421910 w 421910"/>
              <a:gd name="connsiteY1" fmla="*/ 0 h 230832"/>
              <a:gd name="connsiteX2" fmla="*/ 421910 w 421910"/>
              <a:gd name="connsiteY2" fmla="*/ 230832 h 230832"/>
              <a:gd name="connsiteX3" fmla="*/ 0 w 421910"/>
              <a:gd name="connsiteY3" fmla="*/ 230832 h 230832"/>
              <a:gd name="connsiteX4" fmla="*/ 0 w 421910"/>
              <a:gd name="connsiteY4" fmla="*/ 0 h 2308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1910" h="230832" fill="none" extrusionOk="0">
                <a:moveTo>
                  <a:pt x="0" y="0"/>
                </a:moveTo>
                <a:cubicBezTo>
                  <a:pt x="155293" y="4507"/>
                  <a:pt x="268298" y="-3124"/>
                  <a:pt x="421910" y="0"/>
                </a:cubicBezTo>
                <a:cubicBezTo>
                  <a:pt x="423011" y="96360"/>
                  <a:pt x="432079" y="126762"/>
                  <a:pt x="421910" y="230832"/>
                </a:cubicBezTo>
                <a:cubicBezTo>
                  <a:pt x="266359" y="236878"/>
                  <a:pt x="184132" y="251829"/>
                  <a:pt x="0" y="230832"/>
                </a:cubicBezTo>
                <a:cubicBezTo>
                  <a:pt x="4305" y="119440"/>
                  <a:pt x="2473" y="92344"/>
                  <a:pt x="0" y="0"/>
                </a:cubicBezTo>
                <a:close/>
              </a:path>
              <a:path w="421910" h="230832" stroke="0" extrusionOk="0">
                <a:moveTo>
                  <a:pt x="0" y="0"/>
                </a:moveTo>
                <a:cubicBezTo>
                  <a:pt x="101121" y="19736"/>
                  <a:pt x="212924" y="2286"/>
                  <a:pt x="421910" y="0"/>
                </a:cubicBezTo>
                <a:cubicBezTo>
                  <a:pt x="422365" y="91307"/>
                  <a:pt x="422300" y="138061"/>
                  <a:pt x="421910" y="230832"/>
                </a:cubicBezTo>
                <a:cubicBezTo>
                  <a:pt x="294583" y="238381"/>
                  <a:pt x="95059" y="247126"/>
                  <a:pt x="0" y="230832"/>
                </a:cubicBezTo>
                <a:cubicBezTo>
                  <a:pt x="4417" y="151226"/>
                  <a:pt x="-4107" y="52133"/>
                  <a:pt x="0" y="0"/>
                </a:cubicBezTo>
                <a:close/>
              </a:path>
            </a:pathLst>
          </a:custGeom>
          <a:solidFill>
            <a:schemeClr val="bg1"/>
          </a:solid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none" rtlCol="0">
            <a:spAutoFit/>
          </a:bodyPr>
          <a:lstStyle/>
          <a:p>
            <a:r>
              <a:rPr lang="en-NZ" sz="900" dirty="0"/>
              <a:t>CSV</a:t>
            </a:r>
          </a:p>
        </p:txBody>
      </p:sp>
      <p:sp>
        <p:nvSpPr>
          <p:cNvPr id="34" name="TextBox 33">
            <a:extLst>
              <a:ext uri="{FF2B5EF4-FFF2-40B4-BE49-F238E27FC236}">
                <a16:creationId xmlns:a16="http://schemas.microsoft.com/office/drawing/2014/main" id="{FA7FEB1C-E8EA-47DC-8B4B-C4C0D6006D73}"/>
              </a:ext>
            </a:extLst>
          </p:cNvPr>
          <p:cNvSpPr txBox="1"/>
          <p:nvPr/>
        </p:nvSpPr>
        <p:spPr>
          <a:xfrm>
            <a:off x="2041499" y="1321536"/>
            <a:ext cx="445701" cy="507831"/>
          </a:xfrm>
          <a:custGeom>
            <a:avLst/>
            <a:gdLst>
              <a:gd name="connsiteX0" fmla="*/ 0 w 445701"/>
              <a:gd name="connsiteY0" fmla="*/ 0 h 507831"/>
              <a:gd name="connsiteX1" fmla="*/ 445701 w 445701"/>
              <a:gd name="connsiteY1" fmla="*/ 0 h 507831"/>
              <a:gd name="connsiteX2" fmla="*/ 445701 w 445701"/>
              <a:gd name="connsiteY2" fmla="*/ 507831 h 507831"/>
              <a:gd name="connsiteX3" fmla="*/ 0 w 445701"/>
              <a:gd name="connsiteY3" fmla="*/ 507831 h 507831"/>
              <a:gd name="connsiteX4" fmla="*/ 0 w 445701"/>
              <a:gd name="connsiteY4" fmla="*/ 0 h 50783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5701" h="507831" fill="none" extrusionOk="0">
                <a:moveTo>
                  <a:pt x="0" y="0"/>
                </a:moveTo>
                <a:cubicBezTo>
                  <a:pt x="161824" y="2813"/>
                  <a:pt x="351926" y="15455"/>
                  <a:pt x="445701" y="0"/>
                </a:cubicBezTo>
                <a:cubicBezTo>
                  <a:pt x="470748" y="186888"/>
                  <a:pt x="465203" y="275133"/>
                  <a:pt x="445701" y="507831"/>
                </a:cubicBezTo>
                <a:cubicBezTo>
                  <a:pt x="336644" y="527040"/>
                  <a:pt x="213880" y="489196"/>
                  <a:pt x="0" y="507831"/>
                </a:cubicBezTo>
                <a:cubicBezTo>
                  <a:pt x="1421" y="381569"/>
                  <a:pt x="-13441" y="179800"/>
                  <a:pt x="0" y="0"/>
                </a:cubicBezTo>
                <a:close/>
              </a:path>
              <a:path w="445701" h="507831" stroke="0" extrusionOk="0">
                <a:moveTo>
                  <a:pt x="0" y="0"/>
                </a:moveTo>
                <a:cubicBezTo>
                  <a:pt x="221297" y="17456"/>
                  <a:pt x="325138" y="10358"/>
                  <a:pt x="445701" y="0"/>
                </a:cubicBezTo>
                <a:cubicBezTo>
                  <a:pt x="436836" y="245897"/>
                  <a:pt x="456936" y="330078"/>
                  <a:pt x="445701" y="507831"/>
                </a:cubicBezTo>
                <a:cubicBezTo>
                  <a:pt x="224673" y="507855"/>
                  <a:pt x="167786" y="518926"/>
                  <a:pt x="0" y="507831"/>
                </a:cubicBezTo>
                <a:cubicBezTo>
                  <a:pt x="-21465" y="373009"/>
                  <a:pt x="591" y="115506"/>
                  <a:pt x="0" y="0"/>
                </a:cubicBezTo>
                <a:close/>
              </a:path>
            </a:pathLst>
          </a:custGeom>
          <a:solidFill>
            <a:schemeClr val="accent6">
              <a:lumMod val="60000"/>
              <a:lumOff val="40000"/>
            </a:schemeClr>
          </a:solid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square" rtlCol="0">
            <a:spAutoFit/>
          </a:bodyPr>
          <a:lstStyle/>
          <a:p>
            <a:endParaRPr lang="en-NZ" sz="900" dirty="0"/>
          </a:p>
          <a:p>
            <a:endParaRPr lang="en-NZ" sz="900" dirty="0"/>
          </a:p>
          <a:p>
            <a:endParaRPr lang="en-NZ" sz="900" dirty="0"/>
          </a:p>
        </p:txBody>
      </p:sp>
      <p:sp>
        <p:nvSpPr>
          <p:cNvPr id="35" name="TextBox 34">
            <a:extLst>
              <a:ext uri="{FF2B5EF4-FFF2-40B4-BE49-F238E27FC236}">
                <a16:creationId xmlns:a16="http://schemas.microsoft.com/office/drawing/2014/main" id="{63E543DB-1B18-4AEC-8AC9-CE86119943E9}"/>
              </a:ext>
            </a:extLst>
          </p:cNvPr>
          <p:cNvSpPr txBox="1"/>
          <p:nvPr/>
        </p:nvSpPr>
        <p:spPr>
          <a:xfrm>
            <a:off x="3060712" y="1187458"/>
            <a:ext cx="445701" cy="507831"/>
          </a:xfrm>
          <a:custGeom>
            <a:avLst/>
            <a:gdLst>
              <a:gd name="connsiteX0" fmla="*/ 0 w 445701"/>
              <a:gd name="connsiteY0" fmla="*/ 0 h 507831"/>
              <a:gd name="connsiteX1" fmla="*/ 445701 w 445701"/>
              <a:gd name="connsiteY1" fmla="*/ 0 h 507831"/>
              <a:gd name="connsiteX2" fmla="*/ 445701 w 445701"/>
              <a:gd name="connsiteY2" fmla="*/ 507831 h 507831"/>
              <a:gd name="connsiteX3" fmla="*/ 0 w 445701"/>
              <a:gd name="connsiteY3" fmla="*/ 507831 h 507831"/>
              <a:gd name="connsiteX4" fmla="*/ 0 w 445701"/>
              <a:gd name="connsiteY4" fmla="*/ 0 h 50783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5701" h="507831" fill="none" extrusionOk="0">
                <a:moveTo>
                  <a:pt x="0" y="0"/>
                </a:moveTo>
                <a:cubicBezTo>
                  <a:pt x="161824" y="2813"/>
                  <a:pt x="351926" y="15455"/>
                  <a:pt x="445701" y="0"/>
                </a:cubicBezTo>
                <a:cubicBezTo>
                  <a:pt x="470748" y="186888"/>
                  <a:pt x="465203" y="275133"/>
                  <a:pt x="445701" y="507831"/>
                </a:cubicBezTo>
                <a:cubicBezTo>
                  <a:pt x="336644" y="527040"/>
                  <a:pt x="213880" y="489196"/>
                  <a:pt x="0" y="507831"/>
                </a:cubicBezTo>
                <a:cubicBezTo>
                  <a:pt x="1421" y="381569"/>
                  <a:pt x="-13441" y="179800"/>
                  <a:pt x="0" y="0"/>
                </a:cubicBezTo>
                <a:close/>
              </a:path>
              <a:path w="445701" h="507831" stroke="0" extrusionOk="0">
                <a:moveTo>
                  <a:pt x="0" y="0"/>
                </a:moveTo>
                <a:cubicBezTo>
                  <a:pt x="221297" y="17456"/>
                  <a:pt x="325138" y="10358"/>
                  <a:pt x="445701" y="0"/>
                </a:cubicBezTo>
                <a:cubicBezTo>
                  <a:pt x="436836" y="245897"/>
                  <a:pt x="456936" y="330078"/>
                  <a:pt x="445701" y="507831"/>
                </a:cubicBezTo>
                <a:cubicBezTo>
                  <a:pt x="224673" y="507855"/>
                  <a:pt x="167786" y="518926"/>
                  <a:pt x="0" y="507831"/>
                </a:cubicBezTo>
                <a:cubicBezTo>
                  <a:pt x="-21465" y="373009"/>
                  <a:pt x="591" y="115506"/>
                  <a:pt x="0" y="0"/>
                </a:cubicBezTo>
                <a:close/>
              </a:path>
            </a:pathLst>
          </a:custGeom>
          <a:solidFill>
            <a:srgbClr val="B9D77B"/>
          </a:solid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square" rtlCol="0">
            <a:spAutoFit/>
          </a:bodyPr>
          <a:lstStyle/>
          <a:p>
            <a:endParaRPr lang="en-NZ" sz="900" dirty="0"/>
          </a:p>
          <a:p>
            <a:endParaRPr lang="en-NZ" sz="900" dirty="0"/>
          </a:p>
          <a:p>
            <a:endParaRPr lang="en-NZ" sz="900" dirty="0"/>
          </a:p>
        </p:txBody>
      </p:sp>
      <p:sp>
        <p:nvSpPr>
          <p:cNvPr id="30" name="TextBox 29">
            <a:extLst>
              <a:ext uri="{FF2B5EF4-FFF2-40B4-BE49-F238E27FC236}">
                <a16:creationId xmlns:a16="http://schemas.microsoft.com/office/drawing/2014/main" id="{2E19F82B-D9F4-44A9-9395-62E9E39E0C7A}"/>
              </a:ext>
            </a:extLst>
          </p:cNvPr>
          <p:cNvSpPr txBox="1"/>
          <p:nvPr/>
        </p:nvSpPr>
        <p:spPr>
          <a:xfrm>
            <a:off x="2264350" y="1436265"/>
            <a:ext cx="402674" cy="230832"/>
          </a:xfrm>
          <a:custGeom>
            <a:avLst/>
            <a:gdLst>
              <a:gd name="connsiteX0" fmla="*/ 0 w 402674"/>
              <a:gd name="connsiteY0" fmla="*/ 0 h 230832"/>
              <a:gd name="connsiteX1" fmla="*/ 402674 w 402674"/>
              <a:gd name="connsiteY1" fmla="*/ 0 h 230832"/>
              <a:gd name="connsiteX2" fmla="*/ 402674 w 402674"/>
              <a:gd name="connsiteY2" fmla="*/ 230832 h 230832"/>
              <a:gd name="connsiteX3" fmla="*/ 0 w 402674"/>
              <a:gd name="connsiteY3" fmla="*/ 230832 h 230832"/>
              <a:gd name="connsiteX4" fmla="*/ 0 w 402674"/>
              <a:gd name="connsiteY4" fmla="*/ 0 h 2308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02674" h="230832" fill="none" extrusionOk="0">
                <a:moveTo>
                  <a:pt x="0" y="0"/>
                </a:moveTo>
                <a:cubicBezTo>
                  <a:pt x="126338" y="-6389"/>
                  <a:pt x="205850" y="-8081"/>
                  <a:pt x="402674" y="0"/>
                </a:cubicBezTo>
                <a:cubicBezTo>
                  <a:pt x="403775" y="96360"/>
                  <a:pt x="412843" y="126762"/>
                  <a:pt x="402674" y="230832"/>
                </a:cubicBezTo>
                <a:cubicBezTo>
                  <a:pt x="262313" y="212357"/>
                  <a:pt x="173988" y="216009"/>
                  <a:pt x="0" y="230832"/>
                </a:cubicBezTo>
                <a:cubicBezTo>
                  <a:pt x="4305" y="119440"/>
                  <a:pt x="2473" y="92344"/>
                  <a:pt x="0" y="0"/>
                </a:cubicBezTo>
                <a:close/>
              </a:path>
              <a:path w="402674" h="230832" stroke="0" extrusionOk="0">
                <a:moveTo>
                  <a:pt x="0" y="0"/>
                </a:moveTo>
                <a:cubicBezTo>
                  <a:pt x="83641" y="-10359"/>
                  <a:pt x="233308" y="-11818"/>
                  <a:pt x="402674" y="0"/>
                </a:cubicBezTo>
                <a:cubicBezTo>
                  <a:pt x="403129" y="91307"/>
                  <a:pt x="403064" y="138061"/>
                  <a:pt x="402674" y="230832"/>
                </a:cubicBezTo>
                <a:cubicBezTo>
                  <a:pt x="277083" y="250638"/>
                  <a:pt x="198099" y="237670"/>
                  <a:pt x="0" y="230832"/>
                </a:cubicBezTo>
                <a:cubicBezTo>
                  <a:pt x="4417" y="151226"/>
                  <a:pt x="-4107" y="52133"/>
                  <a:pt x="0" y="0"/>
                </a:cubicBezTo>
                <a:close/>
              </a:path>
            </a:pathLst>
          </a:custGeom>
          <a:solidFill>
            <a:schemeClr val="bg1"/>
          </a:solid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none" rtlCol="0">
            <a:spAutoFit/>
          </a:bodyPr>
          <a:lstStyle/>
          <a:p>
            <a:r>
              <a:rPr lang="en-NZ" sz="900" dirty="0"/>
              <a:t>TXT</a:t>
            </a:r>
          </a:p>
        </p:txBody>
      </p:sp>
      <p:sp>
        <p:nvSpPr>
          <p:cNvPr id="32" name="TextBox 31">
            <a:extLst>
              <a:ext uri="{FF2B5EF4-FFF2-40B4-BE49-F238E27FC236}">
                <a16:creationId xmlns:a16="http://schemas.microsoft.com/office/drawing/2014/main" id="{E4BC64A0-C205-460D-BC3C-5963F56392FA}"/>
              </a:ext>
            </a:extLst>
          </p:cNvPr>
          <p:cNvSpPr txBox="1"/>
          <p:nvPr/>
        </p:nvSpPr>
        <p:spPr>
          <a:xfrm>
            <a:off x="2964045" y="1275067"/>
            <a:ext cx="395225" cy="369332"/>
          </a:xfrm>
          <a:custGeom>
            <a:avLst/>
            <a:gdLst>
              <a:gd name="connsiteX0" fmla="*/ 0 w 395225"/>
              <a:gd name="connsiteY0" fmla="*/ 0 h 369332"/>
              <a:gd name="connsiteX1" fmla="*/ 395225 w 395225"/>
              <a:gd name="connsiteY1" fmla="*/ 0 h 369332"/>
              <a:gd name="connsiteX2" fmla="*/ 395225 w 395225"/>
              <a:gd name="connsiteY2" fmla="*/ 369332 h 369332"/>
              <a:gd name="connsiteX3" fmla="*/ 0 w 395225"/>
              <a:gd name="connsiteY3" fmla="*/ 369332 h 369332"/>
              <a:gd name="connsiteX4" fmla="*/ 0 w 395225"/>
              <a:gd name="connsiteY4" fmla="*/ 0 h 3693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95225" h="369332" fill="none" extrusionOk="0">
                <a:moveTo>
                  <a:pt x="0" y="0"/>
                </a:moveTo>
                <a:cubicBezTo>
                  <a:pt x="139179" y="-16353"/>
                  <a:pt x="261852" y="-17668"/>
                  <a:pt x="395225" y="0"/>
                </a:cubicBezTo>
                <a:cubicBezTo>
                  <a:pt x="400216" y="169215"/>
                  <a:pt x="384033" y="193674"/>
                  <a:pt x="395225" y="369332"/>
                </a:cubicBezTo>
                <a:cubicBezTo>
                  <a:pt x="305507" y="361272"/>
                  <a:pt x="86682" y="386108"/>
                  <a:pt x="0" y="369332"/>
                </a:cubicBezTo>
                <a:cubicBezTo>
                  <a:pt x="1325" y="264574"/>
                  <a:pt x="-8236" y="101586"/>
                  <a:pt x="0" y="0"/>
                </a:cubicBezTo>
                <a:close/>
              </a:path>
              <a:path w="395225" h="369332" stroke="0" extrusionOk="0">
                <a:moveTo>
                  <a:pt x="0" y="0"/>
                </a:moveTo>
                <a:cubicBezTo>
                  <a:pt x="196172" y="17317"/>
                  <a:pt x="273522" y="3434"/>
                  <a:pt x="395225" y="0"/>
                </a:cubicBezTo>
                <a:cubicBezTo>
                  <a:pt x="387828" y="126815"/>
                  <a:pt x="405496" y="199269"/>
                  <a:pt x="395225" y="369332"/>
                </a:cubicBezTo>
                <a:cubicBezTo>
                  <a:pt x="299442" y="384363"/>
                  <a:pt x="117149" y="379229"/>
                  <a:pt x="0" y="369332"/>
                </a:cubicBezTo>
                <a:cubicBezTo>
                  <a:pt x="6211" y="234822"/>
                  <a:pt x="17587" y="160082"/>
                  <a:pt x="0" y="0"/>
                </a:cubicBezTo>
                <a:close/>
              </a:path>
            </a:pathLst>
          </a:custGeom>
          <a:solidFill>
            <a:schemeClr val="bg1"/>
          </a:solid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square" rtlCol="0">
            <a:spAutoFit/>
          </a:bodyPr>
          <a:lstStyle/>
          <a:p>
            <a:r>
              <a:rPr lang="en-NZ" sz="900" dirty="0"/>
              <a:t>DWG</a:t>
            </a:r>
          </a:p>
        </p:txBody>
      </p:sp>
      <p:sp>
        <p:nvSpPr>
          <p:cNvPr id="36" name="TextBox 35">
            <a:extLst>
              <a:ext uri="{FF2B5EF4-FFF2-40B4-BE49-F238E27FC236}">
                <a16:creationId xmlns:a16="http://schemas.microsoft.com/office/drawing/2014/main" id="{6732F94F-742F-447F-8EF5-4D83DB167E47}"/>
              </a:ext>
            </a:extLst>
          </p:cNvPr>
          <p:cNvSpPr txBox="1"/>
          <p:nvPr/>
        </p:nvSpPr>
        <p:spPr>
          <a:xfrm>
            <a:off x="1469893" y="4263368"/>
            <a:ext cx="1399742" cy="253916"/>
          </a:xfrm>
          <a:custGeom>
            <a:avLst/>
            <a:gdLst>
              <a:gd name="connsiteX0" fmla="*/ 0 w 1399742"/>
              <a:gd name="connsiteY0" fmla="*/ 0 h 253916"/>
              <a:gd name="connsiteX1" fmla="*/ 671876 w 1399742"/>
              <a:gd name="connsiteY1" fmla="*/ 0 h 253916"/>
              <a:gd name="connsiteX2" fmla="*/ 1399742 w 1399742"/>
              <a:gd name="connsiteY2" fmla="*/ 0 h 253916"/>
              <a:gd name="connsiteX3" fmla="*/ 1399742 w 1399742"/>
              <a:gd name="connsiteY3" fmla="*/ 253916 h 253916"/>
              <a:gd name="connsiteX4" fmla="*/ 685874 w 1399742"/>
              <a:gd name="connsiteY4" fmla="*/ 253916 h 253916"/>
              <a:gd name="connsiteX5" fmla="*/ 0 w 1399742"/>
              <a:gd name="connsiteY5" fmla="*/ 253916 h 253916"/>
              <a:gd name="connsiteX6" fmla="*/ 0 w 1399742"/>
              <a:gd name="connsiteY6" fmla="*/ 0 h 2539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99742" h="253916" extrusionOk="0">
                <a:moveTo>
                  <a:pt x="0" y="0"/>
                </a:moveTo>
                <a:cubicBezTo>
                  <a:pt x="197656" y="-15740"/>
                  <a:pt x="341015" y="30234"/>
                  <a:pt x="671876" y="0"/>
                </a:cubicBezTo>
                <a:cubicBezTo>
                  <a:pt x="1002737" y="-30234"/>
                  <a:pt x="1074807" y="35299"/>
                  <a:pt x="1399742" y="0"/>
                </a:cubicBezTo>
                <a:cubicBezTo>
                  <a:pt x="1397127" y="95124"/>
                  <a:pt x="1402853" y="134447"/>
                  <a:pt x="1399742" y="253916"/>
                </a:cubicBezTo>
                <a:cubicBezTo>
                  <a:pt x="1091673" y="242805"/>
                  <a:pt x="1026936" y="234602"/>
                  <a:pt x="685874" y="253916"/>
                </a:cubicBezTo>
                <a:cubicBezTo>
                  <a:pt x="344812" y="273230"/>
                  <a:pt x="183074" y="231852"/>
                  <a:pt x="0" y="253916"/>
                </a:cubicBezTo>
                <a:cubicBezTo>
                  <a:pt x="-8152" y="184835"/>
                  <a:pt x="-11006" y="124085"/>
                  <a:pt x="0" y="0"/>
                </a:cubicBezTo>
                <a:close/>
              </a:path>
            </a:pathLst>
          </a:custGeom>
          <a:no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none" rtlCol="0">
            <a:spAutoFit/>
          </a:bodyPr>
          <a:lstStyle/>
          <a:p>
            <a:r>
              <a:rPr lang="en-NZ" sz="1050" dirty="0"/>
              <a:t>Element parameters</a:t>
            </a:r>
          </a:p>
        </p:txBody>
      </p:sp>
      <p:sp>
        <p:nvSpPr>
          <p:cNvPr id="37" name="TextBox 36">
            <a:extLst>
              <a:ext uri="{FF2B5EF4-FFF2-40B4-BE49-F238E27FC236}">
                <a16:creationId xmlns:a16="http://schemas.microsoft.com/office/drawing/2014/main" id="{3BA85C7E-9BC7-4712-A3DC-087EEDB3BA5E}"/>
              </a:ext>
            </a:extLst>
          </p:cNvPr>
          <p:cNvSpPr txBox="1"/>
          <p:nvPr/>
        </p:nvSpPr>
        <p:spPr>
          <a:xfrm>
            <a:off x="284233" y="991251"/>
            <a:ext cx="827900" cy="461665"/>
          </a:xfrm>
          <a:prstGeom prst="rect">
            <a:avLst/>
          </a:prstGeom>
          <a:noFill/>
        </p:spPr>
        <p:txBody>
          <a:bodyPr wrap="square" rtlCol="0">
            <a:spAutoFit/>
          </a:bodyPr>
          <a:lstStyle/>
          <a:p>
            <a:r>
              <a:rPr lang="en-NZ" sz="1200" dirty="0"/>
              <a:t>External Data</a:t>
            </a:r>
          </a:p>
        </p:txBody>
      </p:sp>
      <p:sp>
        <p:nvSpPr>
          <p:cNvPr id="38" name="TextBox 37">
            <a:extLst>
              <a:ext uri="{FF2B5EF4-FFF2-40B4-BE49-F238E27FC236}">
                <a16:creationId xmlns:a16="http://schemas.microsoft.com/office/drawing/2014/main" id="{BAD74739-588B-404D-8428-D19737E7A433}"/>
              </a:ext>
            </a:extLst>
          </p:cNvPr>
          <p:cNvSpPr txBox="1"/>
          <p:nvPr/>
        </p:nvSpPr>
        <p:spPr>
          <a:xfrm>
            <a:off x="277073" y="2020359"/>
            <a:ext cx="827900" cy="276999"/>
          </a:xfrm>
          <a:prstGeom prst="rect">
            <a:avLst/>
          </a:prstGeom>
          <a:noFill/>
        </p:spPr>
        <p:txBody>
          <a:bodyPr wrap="square" rtlCol="0">
            <a:spAutoFit/>
          </a:bodyPr>
          <a:lstStyle/>
          <a:p>
            <a:r>
              <a:rPr lang="en-NZ" sz="1200" dirty="0"/>
              <a:t>Slider</a:t>
            </a:r>
          </a:p>
        </p:txBody>
      </p:sp>
      <p:sp>
        <p:nvSpPr>
          <p:cNvPr id="39" name="TextBox 38">
            <a:extLst>
              <a:ext uri="{FF2B5EF4-FFF2-40B4-BE49-F238E27FC236}">
                <a16:creationId xmlns:a16="http://schemas.microsoft.com/office/drawing/2014/main" id="{4C59068D-ADB7-4A0E-9AA3-FE8615CC6331}"/>
              </a:ext>
            </a:extLst>
          </p:cNvPr>
          <p:cNvSpPr txBox="1"/>
          <p:nvPr/>
        </p:nvSpPr>
        <p:spPr>
          <a:xfrm>
            <a:off x="315091" y="2676959"/>
            <a:ext cx="827900" cy="276999"/>
          </a:xfrm>
          <a:prstGeom prst="rect">
            <a:avLst/>
          </a:prstGeom>
          <a:noFill/>
        </p:spPr>
        <p:txBody>
          <a:bodyPr wrap="square" rtlCol="0">
            <a:spAutoFit/>
          </a:bodyPr>
          <a:lstStyle/>
          <a:p>
            <a:r>
              <a:rPr lang="en-NZ" sz="1200" dirty="0"/>
              <a:t>String</a:t>
            </a:r>
          </a:p>
        </p:txBody>
      </p:sp>
      <p:sp>
        <p:nvSpPr>
          <p:cNvPr id="40" name="TextBox 39">
            <a:extLst>
              <a:ext uri="{FF2B5EF4-FFF2-40B4-BE49-F238E27FC236}">
                <a16:creationId xmlns:a16="http://schemas.microsoft.com/office/drawing/2014/main" id="{1258A8F6-C5AF-4DE7-BC24-957596B0FA01}"/>
              </a:ext>
            </a:extLst>
          </p:cNvPr>
          <p:cNvSpPr txBox="1"/>
          <p:nvPr/>
        </p:nvSpPr>
        <p:spPr>
          <a:xfrm>
            <a:off x="292885" y="3473281"/>
            <a:ext cx="827900" cy="461665"/>
          </a:xfrm>
          <a:prstGeom prst="rect">
            <a:avLst/>
          </a:prstGeom>
          <a:noFill/>
        </p:spPr>
        <p:txBody>
          <a:bodyPr wrap="square" rtlCol="0">
            <a:spAutoFit/>
          </a:bodyPr>
          <a:lstStyle/>
          <a:p>
            <a:r>
              <a:rPr lang="en-NZ" sz="1200" dirty="0"/>
              <a:t>3D Model</a:t>
            </a:r>
          </a:p>
        </p:txBody>
      </p:sp>
      <p:sp>
        <p:nvSpPr>
          <p:cNvPr id="41" name="TextBox 40">
            <a:extLst>
              <a:ext uri="{FF2B5EF4-FFF2-40B4-BE49-F238E27FC236}">
                <a16:creationId xmlns:a16="http://schemas.microsoft.com/office/drawing/2014/main" id="{ABFFD3C5-DA74-44A9-AEBE-AD19ABC4D0CC}"/>
              </a:ext>
            </a:extLst>
          </p:cNvPr>
          <p:cNvSpPr txBox="1"/>
          <p:nvPr/>
        </p:nvSpPr>
        <p:spPr>
          <a:xfrm>
            <a:off x="269230" y="4215469"/>
            <a:ext cx="1006557" cy="276999"/>
          </a:xfrm>
          <a:prstGeom prst="rect">
            <a:avLst/>
          </a:prstGeom>
          <a:noFill/>
        </p:spPr>
        <p:txBody>
          <a:bodyPr wrap="square" rtlCol="0">
            <a:spAutoFit/>
          </a:bodyPr>
          <a:lstStyle/>
          <a:p>
            <a:r>
              <a:rPr lang="en-NZ" sz="1200" dirty="0"/>
              <a:t>Model data</a:t>
            </a:r>
          </a:p>
        </p:txBody>
      </p:sp>
      <p:sp>
        <p:nvSpPr>
          <p:cNvPr id="43" name="TextBox 42">
            <a:extLst>
              <a:ext uri="{FF2B5EF4-FFF2-40B4-BE49-F238E27FC236}">
                <a16:creationId xmlns:a16="http://schemas.microsoft.com/office/drawing/2014/main" id="{983B9E90-509A-47A8-A1C0-7FA93E719C95}"/>
              </a:ext>
            </a:extLst>
          </p:cNvPr>
          <p:cNvSpPr txBox="1"/>
          <p:nvPr/>
        </p:nvSpPr>
        <p:spPr>
          <a:xfrm>
            <a:off x="1502658" y="166224"/>
            <a:ext cx="1198832" cy="323165"/>
          </a:xfrm>
          <a:prstGeom prst="rect">
            <a:avLst/>
          </a:prstGeom>
          <a:noFill/>
        </p:spPr>
        <p:txBody>
          <a:bodyPr wrap="square" rtlCol="0">
            <a:spAutoFit/>
          </a:bodyPr>
          <a:lstStyle/>
          <a:p>
            <a:r>
              <a:rPr lang="en-NZ" sz="1500" b="1" dirty="0"/>
              <a:t>Inputs</a:t>
            </a:r>
          </a:p>
        </p:txBody>
      </p:sp>
      <p:sp>
        <p:nvSpPr>
          <p:cNvPr id="44" name="TextBox 43">
            <a:extLst>
              <a:ext uri="{FF2B5EF4-FFF2-40B4-BE49-F238E27FC236}">
                <a16:creationId xmlns:a16="http://schemas.microsoft.com/office/drawing/2014/main" id="{701EC1C6-559E-4F1F-93FB-A7672FDA4536}"/>
              </a:ext>
            </a:extLst>
          </p:cNvPr>
          <p:cNvSpPr txBox="1"/>
          <p:nvPr/>
        </p:nvSpPr>
        <p:spPr>
          <a:xfrm>
            <a:off x="5843094" y="200891"/>
            <a:ext cx="1198832" cy="323165"/>
          </a:xfrm>
          <a:prstGeom prst="rect">
            <a:avLst/>
          </a:prstGeom>
          <a:noFill/>
        </p:spPr>
        <p:txBody>
          <a:bodyPr wrap="square" rtlCol="0">
            <a:spAutoFit/>
          </a:bodyPr>
          <a:lstStyle/>
          <a:p>
            <a:pPr algn="ctr"/>
            <a:r>
              <a:rPr lang="en-NZ" sz="1500" b="1" dirty="0"/>
              <a:t>Output</a:t>
            </a:r>
          </a:p>
        </p:txBody>
      </p:sp>
      <p:grpSp>
        <p:nvGrpSpPr>
          <p:cNvPr id="45" name="Group 44">
            <a:extLst>
              <a:ext uri="{FF2B5EF4-FFF2-40B4-BE49-F238E27FC236}">
                <a16:creationId xmlns:a16="http://schemas.microsoft.com/office/drawing/2014/main" id="{BB364A22-25B2-4160-9800-978E5C7A74C6}"/>
              </a:ext>
            </a:extLst>
          </p:cNvPr>
          <p:cNvGrpSpPr/>
          <p:nvPr/>
        </p:nvGrpSpPr>
        <p:grpSpPr>
          <a:xfrm>
            <a:off x="8244381" y="2064530"/>
            <a:ext cx="679087" cy="690999"/>
            <a:chOff x="8895165" y="4676267"/>
            <a:chExt cx="1452035" cy="1491321"/>
          </a:xfrm>
        </p:grpSpPr>
        <p:pic>
          <p:nvPicPr>
            <p:cNvPr id="1040" name="Picture 16" descr="To Do List In Doodle Sketch Style. Vector Illustration. Planner... Royalty  Free Cliparts, Vectors, And Stock Illustration. Image 159751856.">
              <a:extLst>
                <a:ext uri="{FF2B5EF4-FFF2-40B4-BE49-F238E27FC236}">
                  <a16:creationId xmlns:a16="http://schemas.microsoft.com/office/drawing/2014/main" id="{36EEC4AE-E74E-4AA5-8000-F968CB549E3A}"/>
                </a:ext>
              </a:extLst>
            </p:cNvPr>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4731" t="19845" r="4566" b="14031"/>
            <a:stretch/>
          </p:blipFill>
          <p:spPr bwMode="auto">
            <a:xfrm>
              <a:off x="8941921" y="4761644"/>
              <a:ext cx="1358526" cy="1405944"/>
            </a:xfrm>
            <a:prstGeom prst="rect">
              <a:avLst/>
            </a:prstGeom>
            <a:noFill/>
            <a:extLst>
              <a:ext uri="{909E8E84-426E-40DD-AFC4-6F175D3DCCD1}">
                <a14:hiddenFill xmlns:a14="http://schemas.microsoft.com/office/drawing/2010/main">
                  <a:solidFill>
                    <a:srgbClr val="FFFFFF"/>
                  </a:solidFill>
                </a14:hiddenFill>
              </a:ext>
            </a:extLst>
          </p:spPr>
        </p:pic>
        <p:sp>
          <p:nvSpPr>
            <p:cNvPr id="24" name="Rectangle 23">
              <a:extLst>
                <a:ext uri="{FF2B5EF4-FFF2-40B4-BE49-F238E27FC236}">
                  <a16:creationId xmlns:a16="http://schemas.microsoft.com/office/drawing/2014/main" id="{83C9CC3E-D7BD-43A6-B6EF-AC23E48CC00F}"/>
                </a:ext>
              </a:extLst>
            </p:cNvPr>
            <p:cNvSpPr/>
            <p:nvPr/>
          </p:nvSpPr>
          <p:spPr>
            <a:xfrm>
              <a:off x="8895165" y="4676267"/>
              <a:ext cx="1452035" cy="548004"/>
            </a:xfrm>
            <a:custGeom>
              <a:avLst/>
              <a:gdLst>
                <a:gd name="connsiteX0" fmla="*/ 0 w 679087"/>
                <a:gd name="connsiteY0" fmla="*/ 0 h 253916"/>
                <a:gd name="connsiteX1" fmla="*/ 679087 w 679087"/>
                <a:gd name="connsiteY1" fmla="*/ 0 h 253916"/>
                <a:gd name="connsiteX2" fmla="*/ 679087 w 679087"/>
                <a:gd name="connsiteY2" fmla="*/ 253916 h 253916"/>
                <a:gd name="connsiteX3" fmla="*/ 0 w 679087"/>
                <a:gd name="connsiteY3" fmla="*/ 253916 h 253916"/>
                <a:gd name="connsiteX4" fmla="*/ 0 w 679087"/>
                <a:gd name="connsiteY4" fmla="*/ 0 h 2539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9087" h="253916" extrusionOk="0">
                  <a:moveTo>
                    <a:pt x="0" y="0"/>
                  </a:moveTo>
                  <a:cubicBezTo>
                    <a:pt x="141029" y="12632"/>
                    <a:pt x="444214" y="19575"/>
                    <a:pt x="679087" y="0"/>
                  </a:cubicBezTo>
                  <a:cubicBezTo>
                    <a:pt x="684814" y="114384"/>
                    <a:pt x="679824" y="179296"/>
                    <a:pt x="679087" y="253916"/>
                  </a:cubicBezTo>
                  <a:cubicBezTo>
                    <a:pt x="451821" y="283447"/>
                    <a:pt x="229954" y="244269"/>
                    <a:pt x="0" y="253916"/>
                  </a:cubicBezTo>
                  <a:cubicBezTo>
                    <a:pt x="-8431" y="176256"/>
                    <a:pt x="4671" y="63191"/>
                    <a:pt x="0" y="0"/>
                  </a:cubicBezTo>
                  <a:close/>
                </a:path>
              </a:pathLst>
            </a:custGeom>
            <a:noFill/>
            <a:ln w="12700">
              <a:solidFill>
                <a:schemeClr val="tx1"/>
              </a:solidFill>
              <a:extLst>
                <a:ext uri="{C807C97D-BFC1-408E-A445-0C87EB9F89A2}">
                  <ask:lineSketchStyleProps xmlns:ask="http://schemas.microsoft.com/office/drawing/2018/sketchyshapes" sd="1592597036">
                    <a:prstGeom prst="rect">
                      <a:avLst/>
                    </a:prstGeom>
                    <ask:type>
                      <ask:lineSketchFreehand/>
                    </ask:type>
                  </ask:lineSketchStyleProps>
                </a:ext>
              </a:extLst>
            </a:ln>
          </p:spPr>
          <p:txBody>
            <a:bodyPr wrap="square" rtlCol="0">
              <a:spAutoFit/>
            </a:bodyPr>
            <a:lstStyle/>
            <a:p>
              <a:endParaRPr lang="en-NZ" sz="1050">
                <a:solidFill>
                  <a:schemeClr val="tx1"/>
                </a:solidFill>
              </a:endParaRPr>
            </a:p>
          </p:txBody>
        </p:sp>
        <p:cxnSp>
          <p:nvCxnSpPr>
            <p:cNvPr id="27" name="Straight Connector 26">
              <a:extLst>
                <a:ext uri="{FF2B5EF4-FFF2-40B4-BE49-F238E27FC236}">
                  <a16:creationId xmlns:a16="http://schemas.microsoft.com/office/drawing/2014/main" id="{EEFBB649-6A1D-48D9-AE41-BABBCC53BB23}"/>
                </a:ext>
              </a:extLst>
            </p:cNvPr>
            <p:cNvCxnSpPr>
              <a:cxnSpLocks/>
            </p:cNvCxnSpPr>
            <p:nvPr/>
          </p:nvCxnSpPr>
          <p:spPr>
            <a:xfrm>
              <a:off x="9508987" y="4818528"/>
              <a:ext cx="0" cy="1292179"/>
            </a:xfrm>
            <a:custGeom>
              <a:avLst/>
              <a:gdLst>
                <a:gd name="connsiteX0" fmla="*/ 0 w 0"/>
                <a:gd name="connsiteY0" fmla="*/ 0 h 598727"/>
                <a:gd name="connsiteX1" fmla="*/ 1 w 0"/>
                <a:gd name="connsiteY1" fmla="*/ 598727 h 598727"/>
              </a:gdLst>
              <a:ahLst/>
              <a:cxnLst>
                <a:cxn ang="0">
                  <a:pos x="connsiteX0" y="connsiteY0"/>
                </a:cxn>
                <a:cxn ang="0">
                  <a:pos x="connsiteX1" y="connsiteY1"/>
                </a:cxn>
              </a:cxnLst>
              <a:rect l="l" t="t" r="r" b="b"/>
              <a:pathLst>
                <a:path h="598727" extrusionOk="0">
                  <a:moveTo>
                    <a:pt x="0" y="0"/>
                  </a:moveTo>
                  <a:cubicBezTo>
                    <a:pt x="-25902" y="290963"/>
                    <a:pt x="-14947" y="315975"/>
                    <a:pt x="1" y="598727"/>
                  </a:cubicBezTo>
                </a:path>
              </a:pathLst>
            </a:custGeom>
            <a:noFill/>
            <a:ln w="12700">
              <a:solidFill>
                <a:schemeClr val="tx1"/>
              </a:solidFill>
              <a:extLst>
                <a:ext uri="{C807C97D-BFC1-408E-A445-0C87EB9F89A2}">
                  <ask:lineSketchStyleProps xmlns:ask="http://schemas.microsoft.com/office/drawing/2018/sketchyshapes" sd="3281777129">
                    <a:prstGeom prst="line">
                      <a:avLst/>
                    </a:prstGeom>
                    <ask:type>
                      <ask:lineSketchFreehand/>
                    </ask:type>
                  </ask:lineSketchStyleProps>
                </a:ext>
              </a:extLst>
            </a:ln>
          </p:spPr>
        </p:cxnSp>
      </p:grpSp>
      <p:sp>
        <p:nvSpPr>
          <p:cNvPr id="64" name="TextBox 63">
            <a:extLst>
              <a:ext uri="{FF2B5EF4-FFF2-40B4-BE49-F238E27FC236}">
                <a16:creationId xmlns:a16="http://schemas.microsoft.com/office/drawing/2014/main" id="{ADA2F7B0-EBD1-4C26-AC83-A156B3402051}"/>
              </a:ext>
            </a:extLst>
          </p:cNvPr>
          <p:cNvSpPr txBox="1"/>
          <p:nvPr/>
        </p:nvSpPr>
        <p:spPr>
          <a:xfrm>
            <a:off x="7916491" y="2864115"/>
            <a:ext cx="1294071" cy="646331"/>
          </a:xfrm>
          <a:prstGeom prst="rect">
            <a:avLst/>
          </a:prstGeom>
          <a:noFill/>
        </p:spPr>
        <p:txBody>
          <a:bodyPr wrap="square" rtlCol="0">
            <a:spAutoFit/>
          </a:bodyPr>
          <a:lstStyle/>
          <a:p>
            <a:r>
              <a:rPr lang="en-NZ" sz="1200" dirty="0"/>
              <a:t>Updated model data and project documentation</a:t>
            </a:r>
          </a:p>
        </p:txBody>
      </p:sp>
      <p:sp>
        <p:nvSpPr>
          <p:cNvPr id="46" name="TextBox 45">
            <a:extLst>
              <a:ext uri="{FF2B5EF4-FFF2-40B4-BE49-F238E27FC236}">
                <a16:creationId xmlns:a16="http://schemas.microsoft.com/office/drawing/2014/main" id="{9125B788-A5D1-42AB-B7B2-253986A56F35}"/>
              </a:ext>
            </a:extLst>
          </p:cNvPr>
          <p:cNvSpPr txBox="1"/>
          <p:nvPr/>
        </p:nvSpPr>
        <p:spPr>
          <a:xfrm>
            <a:off x="7480549" y="900147"/>
            <a:ext cx="1193294" cy="461665"/>
          </a:xfrm>
          <a:prstGeom prst="rect">
            <a:avLst/>
          </a:prstGeom>
          <a:noFill/>
        </p:spPr>
        <p:txBody>
          <a:bodyPr wrap="square" rtlCol="0">
            <a:spAutoFit/>
          </a:bodyPr>
          <a:lstStyle/>
          <a:p>
            <a:r>
              <a:rPr lang="en-NZ" sz="1200" dirty="0"/>
              <a:t>Parametric geometry</a:t>
            </a:r>
          </a:p>
        </p:txBody>
      </p:sp>
      <p:sp>
        <p:nvSpPr>
          <p:cNvPr id="47" name="TextBox 46">
            <a:extLst>
              <a:ext uri="{FF2B5EF4-FFF2-40B4-BE49-F238E27FC236}">
                <a16:creationId xmlns:a16="http://schemas.microsoft.com/office/drawing/2014/main" id="{73B717FB-E311-4134-A8F9-BBD294AA7AF1}"/>
              </a:ext>
            </a:extLst>
          </p:cNvPr>
          <p:cNvSpPr txBox="1"/>
          <p:nvPr/>
        </p:nvSpPr>
        <p:spPr>
          <a:xfrm>
            <a:off x="5686823" y="4405359"/>
            <a:ext cx="1793726" cy="646331"/>
          </a:xfrm>
          <a:prstGeom prst="rect">
            <a:avLst/>
          </a:prstGeom>
          <a:noFill/>
        </p:spPr>
        <p:txBody>
          <a:bodyPr wrap="square" rtlCol="0">
            <a:spAutoFit/>
          </a:bodyPr>
          <a:lstStyle/>
          <a:p>
            <a:r>
              <a:rPr lang="en-NZ" sz="1200" dirty="0"/>
              <a:t>Optimisation, generative design and model analysis</a:t>
            </a:r>
          </a:p>
        </p:txBody>
      </p:sp>
      <p:sp>
        <p:nvSpPr>
          <p:cNvPr id="48" name="TextBox 47">
            <a:extLst>
              <a:ext uri="{FF2B5EF4-FFF2-40B4-BE49-F238E27FC236}">
                <a16:creationId xmlns:a16="http://schemas.microsoft.com/office/drawing/2014/main" id="{86FA140E-998D-47E3-BD94-00113B862068}"/>
              </a:ext>
            </a:extLst>
          </p:cNvPr>
          <p:cNvSpPr txBox="1"/>
          <p:nvPr/>
        </p:nvSpPr>
        <p:spPr>
          <a:xfrm>
            <a:off x="2259575" y="653644"/>
            <a:ext cx="445701" cy="507831"/>
          </a:xfrm>
          <a:custGeom>
            <a:avLst/>
            <a:gdLst>
              <a:gd name="connsiteX0" fmla="*/ 0 w 445701"/>
              <a:gd name="connsiteY0" fmla="*/ 0 h 507831"/>
              <a:gd name="connsiteX1" fmla="*/ 445701 w 445701"/>
              <a:gd name="connsiteY1" fmla="*/ 0 h 507831"/>
              <a:gd name="connsiteX2" fmla="*/ 445701 w 445701"/>
              <a:gd name="connsiteY2" fmla="*/ 507831 h 507831"/>
              <a:gd name="connsiteX3" fmla="*/ 0 w 445701"/>
              <a:gd name="connsiteY3" fmla="*/ 507831 h 507831"/>
              <a:gd name="connsiteX4" fmla="*/ 0 w 445701"/>
              <a:gd name="connsiteY4" fmla="*/ 0 h 50783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5701" h="507831" fill="none" extrusionOk="0">
                <a:moveTo>
                  <a:pt x="0" y="0"/>
                </a:moveTo>
                <a:cubicBezTo>
                  <a:pt x="161824" y="2813"/>
                  <a:pt x="351926" y="15455"/>
                  <a:pt x="445701" y="0"/>
                </a:cubicBezTo>
                <a:cubicBezTo>
                  <a:pt x="470748" y="186888"/>
                  <a:pt x="465203" y="275133"/>
                  <a:pt x="445701" y="507831"/>
                </a:cubicBezTo>
                <a:cubicBezTo>
                  <a:pt x="336644" y="527040"/>
                  <a:pt x="213880" y="489196"/>
                  <a:pt x="0" y="507831"/>
                </a:cubicBezTo>
                <a:cubicBezTo>
                  <a:pt x="1421" y="381569"/>
                  <a:pt x="-13441" y="179800"/>
                  <a:pt x="0" y="0"/>
                </a:cubicBezTo>
                <a:close/>
              </a:path>
              <a:path w="445701" h="507831" stroke="0" extrusionOk="0">
                <a:moveTo>
                  <a:pt x="0" y="0"/>
                </a:moveTo>
                <a:cubicBezTo>
                  <a:pt x="221297" y="17456"/>
                  <a:pt x="325138" y="10358"/>
                  <a:pt x="445701" y="0"/>
                </a:cubicBezTo>
                <a:cubicBezTo>
                  <a:pt x="436836" y="245897"/>
                  <a:pt x="456936" y="330078"/>
                  <a:pt x="445701" y="507831"/>
                </a:cubicBezTo>
                <a:cubicBezTo>
                  <a:pt x="224673" y="507855"/>
                  <a:pt x="167786" y="518926"/>
                  <a:pt x="0" y="507831"/>
                </a:cubicBezTo>
                <a:cubicBezTo>
                  <a:pt x="-21465" y="373009"/>
                  <a:pt x="591" y="115506"/>
                  <a:pt x="0" y="0"/>
                </a:cubicBezTo>
                <a:close/>
              </a:path>
            </a:pathLst>
          </a:custGeom>
          <a:solidFill>
            <a:srgbClr val="C076C4"/>
          </a:solid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square" rtlCol="0">
            <a:spAutoFit/>
          </a:bodyPr>
          <a:lstStyle/>
          <a:p>
            <a:endParaRPr lang="en-NZ" sz="900" dirty="0"/>
          </a:p>
          <a:p>
            <a:endParaRPr lang="en-NZ" sz="900" dirty="0"/>
          </a:p>
          <a:p>
            <a:endParaRPr lang="en-NZ" sz="900" dirty="0"/>
          </a:p>
        </p:txBody>
      </p:sp>
      <p:sp>
        <p:nvSpPr>
          <p:cNvPr id="49" name="TextBox 48">
            <a:extLst>
              <a:ext uri="{FF2B5EF4-FFF2-40B4-BE49-F238E27FC236}">
                <a16:creationId xmlns:a16="http://schemas.microsoft.com/office/drawing/2014/main" id="{98B90626-49D7-434D-8EFA-2F1888F36274}"/>
              </a:ext>
            </a:extLst>
          </p:cNvPr>
          <p:cNvSpPr txBox="1"/>
          <p:nvPr/>
        </p:nvSpPr>
        <p:spPr>
          <a:xfrm>
            <a:off x="2162908" y="741253"/>
            <a:ext cx="395225" cy="369332"/>
          </a:xfrm>
          <a:custGeom>
            <a:avLst/>
            <a:gdLst>
              <a:gd name="connsiteX0" fmla="*/ 0 w 395225"/>
              <a:gd name="connsiteY0" fmla="*/ 0 h 369332"/>
              <a:gd name="connsiteX1" fmla="*/ 395225 w 395225"/>
              <a:gd name="connsiteY1" fmla="*/ 0 h 369332"/>
              <a:gd name="connsiteX2" fmla="*/ 395225 w 395225"/>
              <a:gd name="connsiteY2" fmla="*/ 369332 h 369332"/>
              <a:gd name="connsiteX3" fmla="*/ 0 w 395225"/>
              <a:gd name="connsiteY3" fmla="*/ 369332 h 369332"/>
              <a:gd name="connsiteX4" fmla="*/ 0 w 395225"/>
              <a:gd name="connsiteY4" fmla="*/ 0 h 3693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95225" h="369332" fill="none" extrusionOk="0">
                <a:moveTo>
                  <a:pt x="0" y="0"/>
                </a:moveTo>
                <a:cubicBezTo>
                  <a:pt x="139179" y="-16353"/>
                  <a:pt x="261852" y="-17668"/>
                  <a:pt x="395225" y="0"/>
                </a:cubicBezTo>
                <a:cubicBezTo>
                  <a:pt x="400216" y="169215"/>
                  <a:pt x="384033" y="193674"/>
                  <a:pt x="395225" y="369332"/>
                </a:cubicBezTo>
                <a:cubicBezTo>
                  <a:pt x="305507" y="361272"/>
                  <a:pt x="86682" y="386108"/>
                  <a:pt x="0" y="369332"/>
                </a:cubicBezTo>
                <a:cubicBezTo>
                  <a:pt x="1325" y="264574"/>
                  <a:pt x="-8236" y="101586"/>
                  <a:pt x="0" y="0"/>
                </a:cubicBezTo>
                <a:close/>
              </a:path>
              <a:path w="395225" h="369332" stroke="0" extrusionOk="0">
                <a:moveTo>
                  <a:pt x="0" y="0"/>
                </a:moveTo>
                <a:cubicBezTo>
                  <a:pt x="196172" y="17317"/>
                  <a:pt x="273522" y="3434"/>
                  <a:pt x="395225" y="0"/>
                </a:cubicBezTo>
                <a:cubicBezTo>
                  <a:pt x="387828" y="126815"/>
                  <a:pt x="405496" y="199269"/>
                  <a:pt x="395225" y="369332"/>
                </a:cubicBezTo>
                <a:cubicBezTo>
                  <a:pt x="299442" y="384363"/>
                  <a:pt x="117149" y="379229"/>
                  <a:pt x="0" y="369332"/>
                </a:cubicBezTo>
                <a:cubicBezTo>
                  <a:pt x="6211" y="234822"/>
                  <a:pt x="17587" y="160082"/>
                  <a:pt x="0" y="0"/>
                </a:cubicBezTo>
                <a:close/>
              </a:path>
            </a:pathLst>
          </a:custGeom>
          <a:solidFill>
            <a:schemeClr val="bg1"/>
          </a:solid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square" rtlCol="0">
            <a:spAutoFit/>
          </a:bodyPr>
          <a:lstStyle/>
          <a:p>
            <a:r>
              <a:rPr lang="en-NZ" sz="900" dirty="0"/>
              <a:t>IMG</a:t>
            </a:r>
          </a:p>
        </p:txBody>
      </p:sp>
      <p:sp>
        <p:nvSpPr>
          <p:cNvPr id="14" name="Rectangle 13">
            <a:extLst>
              <a:ext uri="{FF2B5EF4-FFF2-40B4-BE49-F238E27FC236}">
                <a16:creationId xmlns:a16="http://schemas.microsoft.com/office/drawing/2014/main" id="{35732C6B-8A8A-4496-930A-A9AB1B128B61}"/>
              </a:ext>
            </a:extLst>
          </p:cNvPr>
          <p:cNvSpPr/>
          <p:nvPr/>
        </p:nvSpPr>
        <p:spPr>
          <a:xfrm>
            <a:off x="3787999" y="0"/>
            <a:ext cx="1479398" cy="51435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sz="1050"/>
          </a:p>
        </p:txBody>
      </p:sp>
      <p:pic>
        <p:nvPicPr>
          <p:cNvPr id="1026" name="Picture 2" descr="Programming Recipes | Growing up">
            <a:extLst>
              <a:ext uri="{FF2B5EF4-FFF2-40B4-BE49-F238E27FC236}">
                <a16:creationId xmlns:a16="http://schemas.microsoft.com/office/drawing/2014/main" id="{FA4AB009-91E2-4E47-8D60-87C098AE939A}"/>
              </a:ext>
            </a:extLst>
          </p:cNvPr>
          <p:cNvPicPr>
            <a:picLocks noChangeAspect="1" noChangeArrowheads="1"/>
          </p:cNvPicPr>
          <p:nvPr/>
        </p:nvPicPr>
        <p:blipFill>
          <a:blip r:embed="rId6" cstate="print">
            <a:duotone>
              <a:prstClr val="black"/>
              <a:schemeClr val="accent1">
                <a:tint val="45000"/>
                <a:satMod val="400000"/>
              </a:schemeClr>
            </a:duotone>
            <a:extLst>
              <a:ext uri="{BEBA8EAE-BF5A-486C-A8C5-ECC9F3942E4B}">
                <a14:imgProps xmlns:a14="http://schemas.microsoft.com/office/drawing/2010/main">
                  <a14:imgLayer r:embed="rId7">
                    <a14:imgEffect>
                      <a14:artisticPhotocopy/>
                    </a14:imgEffect>
                    <a14:imgEffect>
                      <a14:brightnessContrast bright="-20000" contrast="20000"/>
                    </a14:imgEffect>
                  </a14:imgLayer>
                </a14:imgProps>
              </a:ext>
              <a:ext uri="{28A0092B-C50C-407E-A947-70E740481C1C}">
                <a14:useLocalDpi xmlns:a14="http://schemas.microsoft.com/office/drawing/2010/main" val="0"/>
              </a:ext>
            </a:extLst>
          </a:blip>
          <a:srcRect/>
          <a:stretch>
            <a:fillRect/>
          </a:stretch>
        </p:blipFill>
        <p:spPr bwMode="auto">
          <a:xfrm>
            <a:off x="4096732" y="2161745"/>
            <a:ext cx="871172" cy="888447"/>
          </a:xfrm>
          <a:prstGeom prst="rect">
            <a:avLst/>
          </a:prstGeom>
          <a:noFill/>
          <a:extLst>
            <a:ext uri="{909E8E84-426E-40DD-AFC4-6F175D3DCCD1}">
              <a14:hiddenFill xmlns:a14="http://schemas.microsoft.com/office/drawing/2010/main">
                <a:solidFill>
                  <a:srgbClr val="FFFFFF"/>
                </a:solidFill>
              </a14:hiddenFill>
            </a:ext>
          </a:extLst>
        </p:spPr>
      </p:pic>
      <p:sp>
        <p:nvSpPr>
          <p:cNvPr id="42" name="TextBox 41">
            <a:extLst>
              <a:ext uri="{FF2B5EF4-FFF2-40B4-BE49-F238E27FC236}">
                <a16:creationId xmlns:a16="http://schemas.microsoft.com/office/drawing/2014/main" id="{C3B15D0B-8274-43EC-8B7B-A73F969D5EDD}"/>
              </a:ext>
            </a:extLst>
          </p:cNvPr>
          <p:cNvSpPr txBox="1"/>
          <p:nvPr/>
        </p:nvSpPr>
        <p:spPr>
          <a:xfrm>
            <a:off x="3873244" y="180801"/>
            <a:ext cx="1198832" cy="323165"/>
          </a:xfrm>
          <a:prstGeom prst="rect">
            <a:avLst/>
          </a:prstGeom>
          <a:noFill/>
        </p:spPr>
        <p:txBody>
          <a:bodyPr wrap="square" rtlCol="0">
            <a:spAutoFit/>
          </a:bodyPr>
          <a:lstStyle/>
          <a:p>
            <a:pPr algn="ctr"/>
            <a:r>
              <a:rPr lang="en-NZ" sz="1500" b="1" dirty="0"/>
              <a:t>Operations </a:t>
            </a:r>
          </a:p>
        </p:txBody>
      </p:sp>
      <p:sp>
        <p:nvSpPr>
          <p:cNvPr id="51" name="TextBox 50">
            <a:extLst>
              <a:ext uri="{FF2B5EF4-FFF2-40B4-BE49-F238E27FC236}">
                <a16:creationId xmlns:a16="http://schemas.microsoft.com/office/drawing/2014/main" id="{691B1881-AB4C-40A4-A90F-511654DF3F35}"/>
              </a:ext>
            </a:extLst>
          </p:cNvPr>
          <p:cNvSpPr txBox="1"/>
          <p:nvPr/>
        </p:nvSpPr>
        <p:spPr>
          <a:xfrm>
            <a:off x="1335684" y="3654578"/>
            <a:ext cx="1960793" cy="253916"/>
          </a:xfrm>
          <a:custGeom>
            <a:avLst/>
            <a:gdLst>
              <a:gd name="connsiteX0" fmla="*/ 0 w 1960793"/>
              <a:gd name="connsiteY0" fmla="*/ 0 h 253916"/>
              <a:gd name="connsiteX1" fmla="*/ 614382 w 1960793"/>
              <a:gd name="connsiteY1" fmla="*/ 0 h 253916"/>
              <a:gd name="connsiteX2" fmla="*/ 1287587 w 1960793"/>
              <a:gd name="connsiteY2" fmla="*/ 0 h 253916"/>
              <a:gd name="connsiteX3" fmla="*/ 1960793 w 1960793"/>
              <a:gd name="connsiteY3" fmla="*/ 0 h 253916"/>
              <a:gd name="connsiteX4" fmla="*/ 1960793 w 1960793"/>
              <a:gd name="connsiteY4" fmla="*/ 253916 h 253916"/>
              <a:gd name="connsiteX5" fmla="*/ 1346411 w 1960793"/>
              <a:gd name="connsiteY5" fmla="*/ 253916 h 253916"/>
              <a:gd name="connsiteX6" fmla="*/ 732029 w 1960793"/>
              <a:gd name="connsiteY6" fmla="*/ 253916 h 253916"/>
              <a:gd name="connsiteX7" fmla="*/ 0 w 1960793"/>
              <a:gd name="connsiteY7" fmla="*/ 253916 h 253916"/>
              <a:gd name="connsiteX8" fmla="*/ 0 w 1960793"/>
              <a:gd name="connsiteY8" fmla="*/ 0 h 2539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960793" h="253916" extrusionOk="0">
                <a:moveTo>
                  <a:pt x="0" y="0"/>
                </a:moveTo>
                <a:cubicBezTo>
                  <a:pt x="272853" y="6775"/>
                  <a:pt x="427362" y="22770"/>
                  <a:pt x="614382" y="0"/>
                </a:cubicBezTo>
                <a:cubicBezTo>
                  <a:pt x="801402" y="-22770"/>
                  <a:pt x="1117160" y="6014"/>
                  <a:pt x="1287587" y="0"/>
                </a:cubicBezTo>
                <a:cubicBezTo>
                  <a:pt x="1458014" y="-6014"/>
                  <a:pt x="1668783" y="-10178"/>
                  <a:pt x="1960793" y="0"/>
                </a:cubicBezTo>
                <a:cubicBezTo>
                  <a:pt x="1967390" y="57392"/>
                  <a:pt x="1966462" y="161578"/>
                  <a:pt x="1960793" y="253916"/>
                </a:cubicBezTo>
                <a:cubicBezTo>
                  <a:pt x="1778816" y="253185"/>
                  <a:pt x="1559376" y="281256"/>
                  <a:pt x="1346411" y="253916"/>
                </a:cubicBezTo>
                <a:cubicBezTo>
                  <a:pt x="1133446" y="226576"/>
                  <a:pt x="1028949" y="230088"/>
                  <a:pt x="732029" y="253916"/>
                </a:cubicBezTo>
                <a:cubicBezTo>
                  <a:pt x="435109" y="277744"/>
                  <a:pt x="247310" y="247519"/>
                  <a:pt x="0" y="253916"/>
                </a:cubicBezTo>
                <a:cubicBezTo>
                  <a:pt x="10723" y="135973"/>
                  <a:pt x="-5579" y="123598"/>
                  <a:pt x="0" y="0"/>
                </a:cubicBezTo>
                <a:close/>
              </a:path>
            </a:pathLst>
          </a:custGeom>
          <a:noFill/>
          <a:ln w="19050">
            <a:solidFill>
              <a:schemeClr val="tx1"/>
            </a:solidFill>
            <a:extLst>
              <a:ext uri="{C807C97D-BFC1-408E-A445-0C87EB9F89A2}">
                <ask:lineSketchStyleProps xmlns:ask="http://schemas.microsoft.com/office/drawing/2018/sketchyshapes" sd="2458279722">
                  <a:prstGeom prst="rect">
                    <a:avLst/>
                  </a:prstGeom>
                  <ask:type>
                    <ask:lineSketchFreehand/>
                  </ask:type>
                </ask:lineSketchStyleProps>
              </a:ext>
            </a:extLst>
          </a:ln>
        </p:spPr>
        <p:txBody>
          <a:bodyPr wrap="none" rtlCol="0">
            <a:spAutoFit/>
          </a:bodyPr>
          <a:lstStyle/>
          <a:p>
            <a:r>
              <a:rPr lang="en-NZ" sz="1050" dirty="0"/>
              <a:t>Imported SAT, DWG, IFC, etc</a:t>
            </a:r>
          </a:p>
        </p:txBody>
      </p:sp>
    </p:spTree>
    <p:extLst>
      <p:ext uri="{BB962C8B-B14F-4D97-AF65-F5344CB8AC3E}">
        <p14:creationId xmlns:p14="http://schemas.microsoft.com/office/powerpoint/2010/main" val="933731932"/>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0" name="Text Placeholder 5">
            <a:extLst>
              <a:ext uri="{FF2B5EF4-FFF2-40B4-BE49-F238E27FC236}">
                <a16:creationId xmlns:a16="http://schemas.microsoft.com/office/drawing/2014/main" id="{32A55A2C-A408-4E16-8709-A424E5D494EE}"/>
              </a:ext>
            </a:extLst>
          </p:cNvPr>
          <p:cNvSpPr txBox="1">
            <a:spLocks/>
          </p:cNvSpPr>
          <p:nvPr/>
        </p:nvSpPr>
        <p:spPr>
          <a:xfrm>
            <a:off x="189403" y="1100370"/>
            <a:ext cx="701309" cy="975805"/>
          </a:xfrm>
          <a:prstGeom prst="rect">
            <a:avLst/>
          </a:prstGeom>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defTabSz="685457">
              <a:buNone/>
            </a:pPr>
            <a:r>
              <a:rPr lang="en-GB" sz="9196">
                <a:solidFill>
                  <a:schemeClr val="accent1"/>
                </a:solidFill>
              </a:rPr>
              <a:t>1</a:t>
            </a:r>
          </a:p>
        </p:txBody>
      </p:sp>
      <p:graphicFrame>
        <p:nvGraphicFramePr>
          <p:cNvPr id="11" name="Table 10">
            <a:extLst>
              <a:ext uri="{FF2B5EF4-FFF2-40B4-BE49-F238E27FC236}">
                <a16:creationId xmlns:a16="http://schemas.microsoft.com/office/drawing/2014/main" id="{AFA40EA5-06FB-4FB4-8048-630EBE638FDF}"/>
              </a:ext>
            </a:extLst>
          </p:cNvPr>
          <p:cNvGraphicFramePr>
            <a:graphicFrameLocks noGrp="1"/>
          </p:cNvGraphicFramePr>
          <p:nvPr>
            <p:extLst>
              <p:ext uri="{D42A27DB-BD31-4B8C-83A1-F6EECF244321}">
                <p14:modId xmlns:p14="http://schemas.microsoft.com/office/powerpoint/2010/main" val="1538589352"/>
              </p:ext>
            </p:extLst>
          </p:nvPr>
        </p:nvGraphicFramePr>
        <p:xfrm>
          <a:off x="1041608" y="1292942"/>
          <a:ext cx="2456076" cy="1755278"/>
        </p:xfrm>
        <a:graphic>
          <a:graphicData uri="http://schemas.openxmlformats.org/drawingml/2006/table">
            <a:tbl>
              <a:tblPr>
                <a:tableStyleId>{2D5ABB26-0587-4C30-8999-92F81FD0307C}</a:tableStyleId>
              </a:tblPr>
              <a:tblGrid>
                <a:gridCol w="2456076">
                  <a:extLst>
                    <a:ext uri="{9D8B030D-6E8A-4147-A177-3AD203B41FA5}">
                      <a16:colId xmlns:a16="http://schemas.microsoft.com/office/drawing/2014/main" val="20000"/>
                    </a:ext>
                  </a:extLst>
                </a:gridCol>
              </a:tblGrid>
              <a:tr h="1069662">
                <a:tc>
                  <a:txBody>
                    <a:bodyPr/>
                    <a:lstStyle/>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400">
                          <a:ln w="9525">
                            <a:noFill/>
                          </a:ln>
                          <a:latin typeface="+mn-lt"/>
                          <a:cs typeface="Arial" panose="020B0604020202020204" pitchFamily="34" charset="0"/>
                        </a:rPr>
                        <a:t>Computers use a language called binary code which comprises of ‘0’ and ‘1’</a:t>
                      </a:r>
                    </a:p>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400" b="0" baseline="0">
                          <a:ln w="9525">
                            <a:noFill/>
                          </a:ln>
                          <a:solidFill>
                            <a:schemeClr val="tx1"/>
                          </a:solidFill>
                          <a:latin typeface="+mn-lt"/>
                          <a:cs typeface="Arial" panose="020B0604020202020204" pitchFamily="34" charset="0"/>
                        </a:rPr>
                        <a:t>0 = off / Disabled/ False</a:t>
                      </a:r>
                    </a:p>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400" b="0" baseline="0">
                          <a:ln w="9525">
                            <a:noFill/>
                          </a:ln>
                          <a:solidFill>
                            <a:schemeClr val="tx1"/>
                          </a:solidFill>
                          <a:latin typeface="+mn-lt"/>
                          <a:cs typeface="Arial" panose="020B0604020202020204" pitchFamily="34" charset="0"/>
                        </a:rPr>
                        <a:t>1 = on / Enabled / True</a:t>
                      </a:r>
                      <a:endParaRPr lang="en-GB" sz="1400" b="0" baseline="0">
                        <a:solidFill>
                          <a:schemeClr val="tx1"/>
                        </a:solidFill>
                        <a:latin typeface="+mn-lt"/>
                      </a:endParaRPr>
                    </a:p>
                  </a:txBody>
                  <a:tcPr marL="0" marR="0" marT="71963" marB="215888">
                    <a:lnL>
                      <a:noFill/>
                    </a:lnL>
                    <a:lnR w="28575" cap="flat" cmpd="sng" algn="ctr">
                      <a:no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507249">
                <a:tc>
                  <a:txBody>
                    <a:bodyPr/>
                    <a:lstStyle/>
                    <a:p>
                      <a:pPr marL="0" marR="0" lvl="0" indent="0" algn="ctr" defTabSz="914400" rtl="0" eaLnBrk="1" fontAlgn="auto" latinLnBrk="0" hangingPunct="1">
                        <a:lnSpc>
                          <a:spcPct val="90000"/>
                        </a:lnSpc>
                        <a:spcBef>
                          <a:spcPts val="1000"/>
                        </a:spcBef>
                        <a:spcAft>
                          <a:spcPts val="0"/>
                        </a:spcAft>
                        <a:buClr>
                          <a:srgbClr val="31B7BC"/>
                        </a:buClr>
                        <a:buSzTx/>
                        <a:buFont typeface="Arial"/>
                        <a:buNone/>
                        <a:tabLst/>
                        <a:defRPr/>
                      </a:pPr>
                      <a:endParaRPr lang="en-US" sz="1600">
                        <a:solidFill>
                          <a:srgbClr val="000000"/>
                        </a:solidFill>
                        <a:latin typeface="+mn-lt"/>
                      </a:endParaRPr>
                    </a:p>
                  </a:txBody>
                  <a:tcPr marL="0" marR="0" marT="71963" marB="215888">
                    <a:lnL>
                      <a:noFill/>
                    </a:lnL>
                    <a:lnR>
                      <a:noFill/>
                    </a:lnR>
                    <a:lnT w="12700" cap="flat" cmpd="sng" algn="ctr">
                      <a:solidFill>
                        <a:schemeClr val="accent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bl>
          </a:graphicData>
        </a:graphic>
      </p:graphicFrame>
      <p:sp>
        <p:nvSpPr>
          <p:cNvPr id="12" name="Text Placeholder 5">
            <a:extLst>
              <a:ext uri="{FF2B5EF4-FFF2-40B4-BE49-F238E27FC236}">
                <a16:creationId xmlns:a16="http://schemas.microsoft.com/office/drawing/2014/main" id="{E5D93888-9A9B-47DA-B5F8-A56CCCC9A744}"/>
              </a:ext>
            </a:extLst>
          </p:cNvPr>
          <p:cNvSpPr txBox="1">
            <a:spLocks/>
          </p:cNvSpPr>
          <p:nvPr/>
        </p:nvSpPr>
        <p:spPr>
          <a:xfrm>
            <a:off x="4548086" y="1100370"/>
            <a:ext cx="701309" cy="975805"/>
          </a:xfrm>
          <a:prstGeom prst="rect">
            <a:avLst/>
          </a:prstGeom>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defTabSz="685457">
              <a:buNone/>
            </a:pPr>
            <a:r>
              <a:rPr lang="en-GB" sz="9196">
                <a:solidFill>
                  <a:schemeClr val="accent1"/>
                </a:solidFill>
              </a:rPr>
              <a:t>2</a:t>
            </a:r>
          </a:p>
        </p:txBody>
      </p:sp>
      <p:graphicFrame>
        <p:nvGraphicFramePr>
          <p:cNvPr id="13" name="Table 12">
            <a:extLst>
              <a:ext uri="{FF2B5EF4-FFF2-40B4-BE49-F238E27FC236}">
                <a16:creationId xmlns:a16="http://schemas.microsoft.com/office/drawing/2014/main" id="{AEAAB2A2-3B13-4C21-B089-D8E775A590C7}"/>
              </a:ext>
            </a:extLst>
          </p:cNvPr>
          <p:cNvGraphicFramePr>
            <a:graphicFrameLocks noGrp="1"/>
          </p:cNvGraphicFramePr>
          <p:nvPr>
            <p:extLst>
              <p:ext uri="{D42A27DB-BD31-4B8C-83A1-F6EECF244321}">
                <p14:modId xmlns:p14="http://schemas.microsoft.com/office/powerpoint/2010/main" val="2774845290"/>
              </p:ext>
            </p:extLst>
          </p:nvPr>
        </p:nvGraphicFramePr>
        <p:xfrm>
          <a:off x="5400291" y="1292942"/>
          <a:ext cx="2456076" cy="1576969"/>
        </p:xfrm>
        <a:graphic>
          <a:graphicData uri="http://schemas.openxmlformats.org/drawingml/2006/table">
            <a:tbl>
              <a:tblPr>
                <a:tableStyleId>{2D5ABB26-0587-4C30-8999-92F81FD0307C}</a:tableStyleId>
              </a:tblPr>
              <a:tblGrid>
                <a:gridCol w="2456076">
                  <a:extLst>
                    <a:ext uri="{9D8B030D-6E8A-4147-A177-3AD203B41FA5}">
                      <a16:colId xmlns:a16="http://schemas.microsoft.com/office/drawing/2014/main" val="20000"/>
                    </a:ext>
                  </a:extLst>
                </a:gridCol>
              </a:tblGrid>
              <a:tr h="1069662">
                <a:tc>
                  <a:txBody>
                    <a:bodyPr/>
                    <a:lstStyle/>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400">
                          <a:ln w="9525">
                            <a:noFill/>
                          </a:ln>
                          <a:latin typeface="+mn-lt"/>
                          <a:cs typeface="Arial" panose="020B0604020202020204" pitchFamily="34" charset="0"/>
                        </a:rPr>
                        <a:t>Communicating with a  computer in just ‘0’ and ‘1’ would be very difficult and time consuming</a:t>
                      </a:r>
                      <a:endParaRPr lang="en-GB" sz="1400" b="0" baseline="0">
                        <a:solidFill>
                          <a:schemeClr val="tx1"/>
                        </a:solidFill>
                        <a:latin typeface="+mn-lt"/>
                      </a:endParaRPr>
                    </a:p>
                  </a:txBody>
                  <a:tcPr marL="0" marR="0" marT="71963" marB="215888">
                    <a:lnL>
                      <a:noFill/>
                    </a:lnL>
                    <a:lnR w="28575" cap="flat" cmpd="sng" algn="ctr">
                      <a:no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507249">
                <a:tc>
                  <a:txBody>
                    <a:bodyPr/>
                    <a:lstStyle/>
                    <a:p>
                      <a:pPr marL="0" marR="0" lvl="0" indent="0" algn="ctr" defTabSz="914400" rtl="0" eaLnBrk="1" fontAlgn="auto" latinLnBrk="0" hangingPunct="1">
                        <a:lnSpc>
                          <a:spcPct val="90000"/>
                        </a:lnSpc>
                        <a:spcBef>
                          <a:spcPts val="1000"/>
                        </a:spcBef>
                        <a:spcAft>
                          <a:spcPts val="0"/>
                        </a:spcAft>
                        <a:buClr>
                          <a:srgbClr val="31B7BC"/>
                        </a:buClr>
                        <a:buSzTx/>
                        <a:buFont typeface="Arial"/>
                        <a:buNone/>
                        <a:tabLst/>
                        <a:defRPr/>
                      </a:pPr>
                      <a:endParaRPr lang="en-US" sz="1600">
                        <a:solidFill>
                          <a:srgbClr val="000000"/>
                        </a:solidFill>
                        <a:latin typeface="+mn-lt"/>
                      </a:endParaRPr>
                    </a:p>
                  </a:txBody>
                  <a:tcPr marL="0" marR="0" marT="71963" marB="215888">
                    <a:lnL>
                      <a:noFill/>
                    </a:lnL>
                    <a:lnR>
                      <a:noFill/>
                    </a:lnR>
                    <a:lnT w="12700" cap="flat" cmpd="sng" algn="ctr">
                      <a:solidFill>
                        <a:schemeClr val="accent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bl>
          </a:graphicData>
        </a:graphic>
      </p:graphicFrame>
      <p:sp>
        <p:nvSpPr>
          <p:cNvPr id="14" name="Text Placeholder 5">
            <a:extLst>
              <a:ext uri="{FF2B5EF4-FFF2-40B4-BE49-F238E27FC236}">
                <a16:creationId xmlns:a16="http://schemas.microsoft.com/office/drawing/2014/main" id="{E767DD6E-528A-4124-9B80-FF06F2AF275D}"/>
              </a:ext>
            </a:extLst>
          </p:cNvPr>
          <p:cNvSpPr txBox="1">
            <a:spLocks/>
          </p:cNvSpPr>
          <p:nvPr/>
        </p:nvSpPr>
        <p:spPr>
          <a:xfrm>
            <a:off x="260701" y="2910155"/>
            <a:ext cx="701309" cy="975805"/>
          </a:xfrm>
          <a:prstGeom prst="rect">
            <a:avLst/>
          </a:prstGeom>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defTabSz="685457">
              <a:buNone/>
            </a:pPr>
            <a:r>
              <a:rPr lang="en-GB" sz="9196">
                <a:solidFill>
                  <a:schemeClr val="accent1"/>
                </a:solidFill>
              </a:rPr>
              <a:t>3</a:t>
            </a:r>
          </a:p>
        </p:txBody>
      </p:sp>
      <p:graphicFrame>
        <p:nvGraphicFramePr>
          <p:cNvPr id="15" name="Table 14">
            <a:extLst>
              <a:ext uri="{FF2B5EF4-FFF2-40B4-BE49-F238E27FC236}">
                <a16:creationId xmlns:a16="http://schemas.microsoft.com/office/drawing/2014/main" id="{BDA54117-427B-435A-8ADF-5D0725700EEB}"/>
              </a:ext>
            </a:extLst>
          </p:cNvPr>
          <p:cNvGraphicFramePr>
            <a:graphicFrameLocks noGrp="1"/>
          </p:cNvGraphicFramePr>
          <p:nvPr>
            <p:extLst>
              <p:ext uri="{D42A27DB-BD31-4B8C-83A1-F6EECF244321}">
                <p14:modId xmlns:p14="http://schemas.microsoft.com/office/powerpoint/2010/main" val="3655121634"/>
              </p:ext>
            </p:extLst>
          </p:nvPr>
        </p:nvGraphicFramePr>
        <p:xfrm>
          <a:off x="1041608" y="3115691"/>
          <a:ext cx="2456076" cy="1576969"/>
        </p:xfrm>
        <a:graphic>
          <a:graphicData uri="http://schemas.openxmlformats.org/drawingml/2006/table">
            <a:tbl>
              <a:tblPr>
                <a:tableStyleId>{2D5ABB26-0587-4C30-8999-92F81FD0307C}</a:tableStyleId>
              </a:tblPr>
              <a:tblGrid>
                <a:gridCol w="2456076">
                  <a:extLst>
                    <a:ext uri="{9D8B030D-6E8A-4147-A177-3AD203B41FA5}">
                      <a16:colId xmlns:a16="http://schemas.microsoft.com/office/drawing/2014/main" val="20000"/>
                    </a:ext>
                  </a:extLst>
                </a:gridCol>
              </a:tblGrid>
              <a:tr h="1069662">
                <a:tc>
                  <a:txBody>
                    <a:bodyPr/>
                    <a:lstStyle/>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400">
                          <a:ln w="9525">
                            <a:noFill/>
                          </a:ln>
                          <a:latin typeface="+mn-lt"/>
                          <a:cs typeface="Arial" panose="020B0604020202020204" pitchFamily="34" charset="0"/>
                        </a:rPr>
                        <a:t>We use a programming language that can translate information into binary code</a:t>
                      </a:r>
                      <a:endParaRPr lang="en-GB" sz="1400" b="0" baseline="0">
                        <a:solidFill>
                          <a:schemeClr val="tx1"/>
                        </a:solidFill>
                        <a:latin typeface="+mn-lt"/>
                      </a:endParaRPr>
                    </a:p>
                  </a:txBody>
                  <a:tcPr marL="0" marR="0" marT="71963" marB="215888">
                    <a:lnL>
                      <a:noFill/>
                    </a:lnL>
                    <a:lnR w="28575" cap="flat" cmpd="sng" algn="ctr">
                      <a:no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507249">
                <a:tc>
                  <a:txBody>
                    <a:bodyPr/>
                    <a:lstStyle/>
                    <a:p>
                      <a:pPr marL="0" marR="0" lvl="0" indent="0" algn="ctr" defTabSz="914400" rtl="0" eaLnBrk="1" fontAlgn="auto" latinLnBrk="0" hangingPunct="1">
                        <a:lnSpc>
                          <a:spcPct val="90000"/>
                        </a:lnSpc>
                        <a:spcBef>
                          <a:spcPts val="1000"/>
                        </a:spcBef>
                        <a:spcAft>
                          <a:spcPts val="0"/>
                        </a:spcAft>
                        <a:buClr>
                          <a:srgbClr val="31B7BC"/>
                        </a:buClr>
                        <a:buSzTx/>
                        <a:buFont typeface="Arial"/>
                        <a:buNone/>
                        <a:tabLst/>
                        <a:defRPr/>
                      </a:pPr>
                      <a:endParaRPr lang="en-US" sz="1600">
                        <a:solidFill>
                          <a:srgbClr val="000000"/>
                        </a:solidFill>
                        <a:latin typeface="+mn-lt"/>
                      </a:endParaRPr>
                    </a:p>
                  </a:txBody>
                  <a:tcPr marL="0" marR="0" marT="71963" marB="215888">
                    <a:lnL>
                      <a:noFill/>
                    </a:lnL>
                    <a:lnR>
                      <a:noFill/>
                    </a:lnR>
                    <a:lnT w="12700" cap="flat" cmpd="sng" algn="ctr">
                      <a:solidFill>
                        <a:schemeClr val="accent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bl>
          </a:graphicData>
        </a:graphic>
      </p:graphicFrame>
      <p:sp>
        <p:nvSpPr>
          <p:cNvPr id="16" name="Text Placeholder 5">
            <a:extLst>
              <a:ext uri="{FF2B5EF4-FFF2-40B4-BE49-F238E27FC236}">
                <a16:creationId xmlns:a16="http://schemas.microsoft.com/office/drawing/2014/main" id="{3C7EC70D-C728-499F-8586-E09B8792D8D9}"/>
              </a:ext>
            </a:extLst>
          </p:cNvPr>
          <p:cNvSpPr txBox="1">
            <a:spLocks/>
          </p:cNvSpPr>
          <p:nvPr/>
        </p:nvSpPr>
        <p:spPr>
          <a:xfrm>
            <a:off x="4548086" y="2923119"/>
            <a:ext cx="701309" cy="975805"/>
          </a:xfrm>
          <a:prstGeom prst="rect">
            <a:avLst/>
          </a:prstGeom>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defTabSz="685457">
              <a:buNone/>
            </a:pPr>
            <a:r>
              <a:rPr lang="en-GB" sz="9196">
                <a:solidFill>
                  <a:schemeClr val="accent1"/>
                </a:solidFill>
              </a:rPr>
              <a:t>4</a:t>
            </a:r>
          </a:p>
        </p:txBody>
      </p:sp>
      <p:graphicFrame>
        <p:nvGraphicFramePr>
          <p:cNvPr id="17" name="Table 16">
            <a:extLst>
              <a:ext uri="{FF2B5EF4-FFF2-40B4-BE49-F238E27FC236}">
                <a16:creationId xmlns:a16="http://schemas.microsoft.com/office/drawing/2014/main" id="{227600A3-A7F9-4132-ACA8-EFF2594B7CEE}"/>
              </a:ext>
            </a:extLst>
          </p:cNvPr>
          <p:cNvGraphicFramePr>
            <a:graphicFrameLocks noGrp="1"/>
          </p:cNvGraphicFramePr>
          <p:nvPr>
            <p:extLst>
              <p:ext uri="{D42A27DB-BD31-4B8C-83A1-F6EECF244321}">
                <p14:modId xmlns:p14="http://schemas.microsoft.com/office/powerpoint/2010/main" val="1625830425"/>
              </p:ext>
            </p:extLst>
          </p:nvPr>
        </p:nvGraphicFramePr>
        <p:xfrm>
          <a:off x="5400291" y="3115691"/>
          <a:ext cx="2456076" cy="1576969"/>
        </p:xfrm>
        <a:graphic>
          <a:graphicData uri="http://schemas.openxmlformats.org/drawingml/2006/table">
            <a:tbl>
              <a:tblPr>
                <a:tableStyleId>{2D5ABB26-0587-4C30-8999-92F81FD0307C}</a:tableStyleId>
              </a:tblPr>
              <a:tblGrid>
                <a:gridCol w="2456076">
                  <a:extLst>
                    <a:ext uri="{9D8B030D-6E8A-4147-A177-3AD203B41FA5}">
                      <a16:colId xmlns:a16="http://schemas.microsoft.com/office/drawing/2014/main" val="20000"/>
                    </a:ext>
                  </a:extLst>
                </a:gridCol>
              </a:tblGrid>
              <a:tr h="1069662">
                <a:tc>
                  <a:txBody>
                    <a:bodyPr/>
                    <a:lstStyle/>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400">
                          <a:ln w="9525">
                            <a:noFill/>
                          </a:ln>
                          <a:latin typeface="+mn-lt"/>
                          <a:cs typeface="Arial" panose="020B0604020202020204" pitchFamily="34" charset="0"/>
                        </a:rPr>
                        <a:t>There are many programming languages, often used for different purposes</a:t>
                      </a:r>
                      <a:endParaRPr lang="en-GB" sz="1400" b="0" baseline="0">
                        <a:solidFill>
                          <a:schemeClr val="tx1"/>
                        </a:solidFill>
                        <a:latin typeface="+mn-lt"/>
                      </a:endParaRPr>
                    </a:p>
                  </a:txBody>
                  <a:tcPr marL="0" marR="0" marT="71963" marB="215888">
                    <a:lnL>
                      <a:noFill/>
                    </a:lnL>
                    <a:lnR w="28575" cap="flat" cmpd="sng" algn="ctr">
                      <a:no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507249">
                <a:tc>
                  <a:txBody>
                    <a:bodyPr/>
                    <a:lstStyle/>
                    <a:p>
                      <a:pPr marL="0" marR="0" lvl="0" indent="0" algn="ctr" defTabSz="914400" rtl="0" eaLnBrk="1" fontAlgn="auto" latinLnBrk="0" hangingPunct="1">
                        <a:lnSpc>
                          <a:spcPct val="90000"/>
                        </a:lnSpc>
                        <a:spcBef>
                          <a:spcPts val="1000"/>
                        </a:spcBef>
                        <a:spcAft>
                          <a:spcPts val="0"/>
                        </a:spcAft>
                        <a:buClr>
                          <a:srgbClr val="31B7BC"/>
                        </a:buClr>
                        <a:buSzTx/>
                        <a:buFont typeface="Arial"/>
                        <a:buNone/>
                        <a:tabLst/>
                        <a:defRPr/>
                      </a:pPr>
                      <a:endParaRPr lang="en-US" sz="1600">
                        <a:solidFill>
                          <a:srgbClr val="000000"/>
                        </a:solidFill>
                        <a:latin typeface="+mn-lt"/>
                      </a:endParaRPr>
                    </a:p>
                  </a:txBody>
                  <a:tcPr marL="0" marR="0" marT="71963" marB="215888">
                    <a:lnL>
                      <a:noFill/>
                    </a:lnL>
                    <a:lnR>
                      <a:noFill/>
                    </a:lnR>
                    <a:lnT w="12700" cap="flat" cmpd="sng" algn="ctr">
                      <a:solidFill>
                        <a:schemeClr val="accent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bl>
          </a:graphicData>
        </a:graphic>
      </p:graphicFrame>
      <p:sp>
        <p:nvSpPr>
          <p:cNvPr id="24" name="Title 23">
            <a:extLst>
              <a:ext uri="{FF2B5EF4-FFF2-40B4-BE49-F238E27FC236}">
                <a16:creationId xmlns:a16="http://schemas.microsoft.com/office/drawing/2014/main" id="{FB59FD2C-2AF3-4A2F-A80F-1BF8A8FA4E1B}"/>
              </a:ext>
            </a:extLst>
          </p:cNvPr>
          <p:cNvSpPr>
            <a:spLocks noGrp="1"/>
          </p:cNvSpPr>
          <p:nvPr>
            <p:ph type="title"/>
          </p:nvPr>
        </p:nvSpPr>
        <p:spPr/>
        <p:txBody>
          <a:bodyPr/>
          <a:lstStyle/>
          <a:p>
            <a:r>
              <a:rPr lang="en-US" altLang="zh-CN"/>
              <a:t>What is </a:t>
            </a:r>
            <a:r>
              <a:rPr lang="en-GB"/>
              <a:t>Programming Language</a:t>
            </a:r>
            <a:endParaRPr lang="en-US"/>
          </a:p>
        </p:txBody>
      </p:sp>
      <p:sp>
        <p:nvSpPr>
          <p:cNvPr id="25" name="Subtitle 24">
            <a:extLst>
              <a:ext uri="{FF2B5EF4-FFF2-40B4-BE49-F238E27FC236}">
                <a16:creationId xmlns:a16="http://schemas.microsoft.com/office/drawing/2014/main" id="{F4750AC3-910C-439E-93C5-653F99D55BC0}"/>
              </a:ext>
            </a:extLst>
          </p:cNvPr>
          <p:cNvSpPr>
            <a:spLocks noGrp="1"/>
          </p:cNvSpPr>
          <p:nvPr>
            <p:ph type="subTitle" idx="14"/>
          </p:nvPr>
        </p:nvSpPr>
        <p:spPr/>
        <p:txBody>
          <a:bodyPr/>
          <a:lstStyle/>
          <a:p>
            <a:endParaRPr lang="en-US"/>
          </a:p>
        </p:txBody>
      </p:sp>
    </p:spTree>
    <p:custDataLst>
      <p:tags r:id="rId1"/>
    </p:custDataLst>
    <p:extLst>
      <p:ext uri="{BB962C8B-B14F-4D97-AF65-F5344CB8AC3E}">
        <p14:creationId xmlns:p14="http://schemas.microsoft.com/office/powerpoint/2010/main" val="283220846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par>
                                <p:cTn id="8" presetID="10" presetClass="entr" presetSubtype="0" fill="hold" nodeType="withEffect">
                                  <p:stCondLst>
                                    <p:cond delay="250"/>
                                  </p:stCondLst>
                                  <p:childTnLst>
                                    <p:set>
                                      <p:cBhvr>
                                        <p:cTn id="9" dur="1" fill="hold">
                                          <p:stCondLst>
                                            <p:cond delay="0"/>
                                          </p:stCondLst>
                                        </p:cTn>
                                        <p:tgtEl>
                                          <p:spTgt spid="11"/>
                                        </p:tgtEl>
                                        <p:attrNameLst>
                                          <p:attrName>style.visibility</p:attrName>
                                        </p:attrNameLst>
                                      </p:cBhvr>
                                      <p:to>
                                        <p:strVal val="visible"/>
                                      </p:to>
                                    </p:set>
                                    <p:animEffect transition="in" filter="fade">
                                      <p:cBhvr>
                                        <p:cTn id="10" dur="500"/>
                                        <p:tgtEl>
                                          <p:spTgt spid="11"/>
                                        </p:tgtEl>
                                      </p:cBhvr>
                                    </p:animEffect>
                                  </p:childTnLst>
                                </p:cTn>
                              </p:par>
                            </p:childTnLst>
                          </p:cTn>
                        </p:par>
                        <p:par>
                          <p:cTn id="11" fill="hold">
                            <p:stCondLst>
                              <p:cond delay="750"/>
                            </p:stCondLst>
                            <p:childTnLst>
                              <p:par>
                                <p:cTn id="12" presetID="10" presetClass="entr" presetSubtype="0" fill="hold" grpId="0" nodeType="afterEffect">
                                  <p:stCondLst>
                                    <p:cond delay="0"/>
                                  </p:stCondLst>
                                  <p:childTnLst>
                                    <p:set>
                                      <p:cBhvr>
                                        <p:cTn id="13" dur="1" fill="hold">
                                          <p:stCondLst>
                                            <p:cond delay="0"/>
                                          </p:stCondLst>
                                        </p:cTn>
                                        <p:tgtEl>
                                          <p:spTgt spid="12"/>
                                        </p:tgtEl>
                                        <p:attrNameLst>
                                          <p:attrName>style.visibility</p:attrName>
                                        </p:attrNameLst>
                                      </p:cBhvr>
                                      <p:to>
                                        <p:strVal val="visible"/>
                                      </p:to>
                                    </p:set>
                                    <p:animEffect transition="in" filter="fade">
                                      <p:cBhvr>
                                        <p:cTn id="14" dur="500"/>
                                        <p:tgtEl>
                                          <p:spTgt spid="12"/>
                                        </p:tgtEl>
                                      </p:cBhvr>
                                    </p:animEffect>
                                  </p:childTnLst>
                                </p:cTn>
                              </p:par>
                              <p:par>
                                <p:cTn id="15" presetID="10" presetClass="entr" presetSubtype="0" fill="hold" nodeType="withEffect">
                                  <p:stCondLst>
                                    <p:cond delay="250"/>
                                  </p:stCondLst>
                                  <p:childTnLst>
                                    <p:set>
                                      <p:cBhvr>
                                        <p:cTn id="16" dur="1" fill="hold">
                                          <p:stCondLst>
                                            <p:cond delay="0"/>
                                          </p:stCondLst>
                                        </p:cTn>
                                        <p:tgtEl>
                                          <p:spTgt spid="13"/>
                                        </p:tgtEl>
                                        <p:attrNameLst>
                                          <p:attrName>style.visibility</p:attrName>
                                        </p:attrNameLst>
                                      </p:cBhvr>
                                      <p:to>
                                        <p:strVal val="visible"/>
                                      </p:to>
                                    </p:set>
                                    <p:animEffect transition="in" filter="fade">
                                      <p:cBhvr>
                                        <p:cTn id="17" dur="500"/>
                                        <p:tgtEl>
                                          <p:spTgt spid="13"/>
                                        </p:tgtEl>
                                      </p:cBhvr>
                                    </p:animEffect>
                                  </p:childTnLst>
                                </p:cTn>
                              </p:par>
                            </p:childTnLst>
                          </p:cTn>
                        </p:par>
                        <p:par>
                          <p:cTn id="18" fill="hold">
                            <p:stCondLst>
                              <p:cond delay="1500"/>
                            </p:stCondLst>
                            <p:childTnLst>
                              <p:par>
                                <p:cTn id="19" presetID="10" presetClass="entr" presetSubtype="0" fill="hold" grpId="0" nodeType="afterEffect">
                                  <p:stCondLst>
                                    <p:cond delay="0"/>
                                  </p:stCondLst>
                                  <p:childTnLst>
                                    <p:set>
                                      <p:cBhvr>
                                        <p:cTn id="20" dur="1" fill="hold">
                                          <p:stCondLst>
                                            <p:cond delay="0"/>
                                          </p:stCondLst>
                                        </p:cTn>
                                        <p:tgtEl>
                                          <p:spTgt spid="14"/>
                                        </p:tgtEl>
                                        <p:attrNameLst>
                                          <p:attrName>style.visibility</p:attrName>
                                        </p:attrNameLst>
                                      </p:cBhvr>
                                      <p:to>
                                        <p:strVal val="visible"/>
                                      </p:to>
                                    </p:set>
                                    <p:animEffect transition="in" filter="fade">
                                      <p:cBhvr>
                                        <p:cTn id="21" dur="500"/>
                                        <p:tgtEl>
                                          <p:spTgt spid="14"/>
                                        </p:tgtEl>
                                      </p:cBhvr>
                                    </p:animEffect>
                                  </p:childTnLst>
                                </p:cTn>
                              </p:par>
                              <p:par>
                                <p:cTn id="22" presetID="10" presetClass="entr" presetSubtype="0" fill="hold" nodeType="withEffect">
                                  <p:stCondLst>
                                    <p:cond delay="250"/>
                                  </p:stCondLst>
                                  <p:childTnLst>
                                    <p:set>
                                      <p:cBhvr>
                                        <p:cTn id="23" dur="1" fill="hold">
                                          <p:stCondLst>
                                            <p:cond delay="0"/>
                                          </p:stCondLst>
                                        </p:cTn>
                                        <p:tgtEl>
                                          <p:spTgt spid="15"/>
                                        </p:tgtEl>
                                        <p:attrNameLst>
                                          <p:attrName>style.visibility</p:attrName>
                                        </p:attrNameLst>
                                      </p:cBhvr>
                                      <p:to>
                                        <p:strVal val="visible"/>
                                      </p:to>
                                    </p:set>
                                    <p:animEffect transition="in" filter="fade">
                                      <p:cBhvr>
                                        <p:cTn id="24" dur="500"/>
                                        <p:tgtEl>
                                          <p:spTgt spid="15"/>
                                        </p:tgtEl>
                                      </p:cBhvr>
                                    </p:animEffect>
                                  </p:childTnLst>
                                </p:cTn>
                              </p:par>
                            </p:childTnLst>
                          </p:cTn>
                        </p:par>
                        <p:par>
                          <p:cTn id="25" fill="hold">
                            <p:stCondLst>
                              <p:cond delay="2250"/>
                            </p:stCondLst>
                            <p:childTnLst>
                              <p:par>
                                <p:cTn id="26" presetID="10" presetClass="entr" presetSubtype="0" fill="hold" grpId="0" nodeType="afterEffect">
                                  <p:stCondLst>
                                    <p:cond delay="0"/>
                                  </p:stCondLst>
                                  <p:childTnLst>
                                    <p:set>
                                      <p:cBhvr>
                                        <p:cTn id="27" dur="1" fill="hold">
                                          <p:stCondLst>
                                            <p:cond delay="0"/>
                                          </p:stCondLst>
                                        </p:cTn>
                                        <p:tgtEl>
                                          <p:spTgt spid="16"/>
                                        </p:tgtEl>
                                        <p:attrNameLst>
                                          <p:attrName>style.visibility</p:attrName>
                                        </p:attrNameLst>
                                      </p:cBhvr>
                                      <p:to>
                                        <p:strVal val="visible"/>
                                      </p:to>
                                    </p:set>
                                    <p:animEffect transition="in" filter="fade">
                                      <p:cBhvr>
                                        <p:cTn id="28" dur="500"/>
                                        <p:tgtEl>
                                          <p:spTgt spid="16"/>
                                        </p:tgtEl>
                                      </p:cBhvr>
                                    </p:animEffect>
                                  </p:childTnLst>
                                </p:cTn>
                              </p:par>
                              <p:par>
                                <p:cTn id="29" presetID="10" presetClass="entr" presetSubtype="0" fill="hold" nodeType="withEffect">
                                  <p:stCondLst>
                                    <p:cond delay="250"/>
                                  </p:stCondLst>
                                  <p:childTnLst>
                                    <p:set>
                                      <p:cBhvr>
                                        <p:cTn id="30" dur="1" fill="hold">
                                          <p:stCondLst>
                                            <p:cond delay="0"/>
                                          </p:stCondLst>
                                        </p:cTn>
                                        <p:tgtEl>
                                          <p:spTgt spid="17"/>
                                        </p:tgtEl>
                                        <p:attrNameLst>
                                          <p:attrName>style.visibility</p:attrName>
                                        </p:attrNameLst>
                                      </p:cBhvr>
                                      <p:to>
                                        <p:strVal val="visible"/>
                                      </p:to>
                                    </p:set>
                                    <p:animEffect transition="in" filter="fade">
                                      <p:cBhvr>
                                        <p:cTn id="31"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12" grpId="0"/>
      <p:bldP spid="14" grpId="0"/>
      <p:bldP spid="16"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CB5598-A2EE-48EB-8307-D07FA80E7C22}"/>
              </a:ext>
            </a:extLst>
          </p:cNvPr>
          <p:cNvSpPr>
            <a:spLocks noGrp="1"/>
          </p:cNvSpPr>
          <p:nvPr>
            <p:ph type="title"/>
          </p:nvPr>
        </p:nvSpPr>
        <p:spPr/>
        <p:txBody>
          <a:bodyPr/>
          <a:lstStyle/>
          <a:p>
            <a:r>
              <a:rPr lang="en-US" altLang="zh-CN" dirty="0"/>
              <a:t>What is a </a:t>
            </a:r>
            <a:r>
              <a:rPr lang="en-GB" dirty="0"/>
              <a:t>Programming Language</a:t>
            </a:r>
            <a:endParaRPr lang="en-AU" dirty="0"/>
          </a:p>
        </p:txBody>
      </p:sp>
      <p:sp>
        <p:nvSpPr>
          <p:cNvPr id="4" name="TextBox 3">
            <a:extLst>
              <a:ext uri="{FF2B5EF4-FFF2-40B4-BE49-F238E27FC236}">
                <a16:creationId xmlns:a16="http://schemas.microsoft.com/office/drawing/2014/main" id="{ABF0F244-EE56-4FD9-BD73-A8C591C230BE}"/>
              </a:ext>
            </a:extLst>
          </p:cNvPr>
          <p:cNvSpPr txBox="1"/>
          <p:nvPr/>
        </p:nvSpPr>
        <p:spPr>
          <a:xfrm>
            <a:off x="635919" y="1186754"/>
            <a:ext cx="2739798" cy="1569660"/>
          </a:xfrm>
          <a:prstGeom prst="rect">
            <a:avLst/>
          </a:prstGeom>
          <a:noFill/>
          <a:ln>
            <a:noFill/>
          </a:ln>
        </p:spPr>
        <p:txBody>
          <a:bodyPr spcFirstLastPara="1" wrap="square" lIns="0" tIns="0" rIns="0" bIns="0" anchor="t" anchorCtr="0"/>
          <a:lstStyle>
            <a:defPPr marR="0" lvl="0" algn="l" rtl="0">
              <a:lnSpc>
                <a:spcPct val="100000"/>
              </a:lnSpc>
              <a:spcBef>
                <a:spcPts val="0"/>
              </a:spcBef>
              <a:spcAft>
                <a:spcPts val="0"/>
              </a:spcAft>
            </a:defPPr>
            <a:lvl1pPr marL="457200" indent="-228600">
              <a:buClr>
                <a:schemeClr val="accent1"/>
              </a:buClr>
              <a:buSzPts val="1600"/>
              <a:buNone/>
              <a:defRPr sz="1600">
                <a:solidFill>
                  <a:schemeClr val="dk2"/>
                </a:solidFill>
              </a:defRPr>
            </a:lvl1pPr>
            <a:lvl2pPr marL="914400" indent="-228600">
              <a:spcBef>
                <a:spcPts val="1200"/>
              </a:spcBef>
              <a:buClr>
                <a:schemeClr val="accent1"/>
              </a:buClr>
              <a:buSzPts val="1600"/>
              <a:buNone/>
              <a:defRPr sz="1600">
                <a:solidFill>
                  <a:schemeClr val="accent1"/>
                </a:solidFill>
              </a:defRPr>
            </a:lvl2pPr>
            <a:lvl3pPr marL="1371600" indent="-228600">
              <a:spcBef>
                <a:spcPts val="600"/>
              </a:spcBef>
              <a:buClr>
                <a:schemeClr val="accent2"/>
              </a:buClr>
              <a:buSzPts val="1600"/>
              <a:buNone/>
              <a:defRPr sz="1600">
                <a:solidFill>
                  <a:schemeClr val="accent1"/>
                </a:solidFill>
              </a:defRPr>
            </a:lvl3pPr>
            <a:lvl4pPr marL="1828800" indent="-228600">
              <a:spcBef>
                <a:spcPts val="600"/>
              </a:spcBef>
              <a:buClr>
                <a:schemeClr val="accent2"/>
              </a:buClr>
              <a:buSzPts val="1600"/>
              <a:buNone/>
              <a:defRPr sz="1600">
                <a:solidFill>
                  <a:schemeClr val="accent1"/>
                </a:solidFill>
              </a:defRPr>
            </a:lvl4pPr>
            <a:lvl5pPr marL="2286000" indent="-228600">
              <a:spcBef>
                <a:spcPts val="600"/>
              </a:spcBef>
              <a:buClr>
                <a:schemeClr val="accent2"/>
              </a:buClr>
              <a:buSzPts val="1600"/>
              <a:buNone/>
              <a:defRPr sz="1600">
                <a:solidFill>
                  <a:schemeClr val="accent1"/>
                </a:solidFill>
              </a:defRPr>
            </a:lvl5pPr>
            <a:lvl6pPr marL="2743200" indent="-342900">
              <a:lnSpc>
                <a:spcPct val="90000"/>
              </a:lnSpc>
              <a:spcBef>
                <a:spcPts val="600"/>
              </a:spcBef>
              <a:buClr>
                <a:schemeClr val="accent1"/>
              </a:buClr>
              <a:buSzPts val="1800"/>
              <a:buChar char="−"/>
              <a:defRPr sz="1200">
                <a:solidFill>
                  <a:schemeClr val="dk1"/>
                </a:solidFill>
              </a:defRPr>
            </a:lvl6pPr>
            <a:lvl7pPr marL="3200400" indent="-342900">
              <a:lnSpc>
                <a:spcPct val="90000"/>
              </a:lnSpc>
              <a:spcBef>
                <a:spcPts val="600"/>
              </a:spcBef>
              <a:buClr>
                <a:schemeClr val="accent1"/>
              </a:buClr>
              <a:buSzPts val="1800"/>
              <a:buChar char="−"/>
              <a:defRPr sz="1200">
                <a:solidFill>
                  <a:schemeClr val="dk1"/>
                </a:solidFill>
              </a:defRPr>
            </a:lvl7pPr>
            <a:lvl8pPr marL="3657600" indent="-342900">
              <a:lnSpc>
                <a:spcPct val="90000"/>
              </a:lnSpc>
              <a:spcBef>
                <a:spcPts val="600"/>
              </a:spcBef>
              <a:buClr>
                <a:schemeClr val="accent1"/>
              </a:buClr>
              <a:buSzPts val="1800"/>
              <a:buChar char="−"/>
              <a:defRPr sz="1200">
                <a:solidFill>
                  <a:schemeClr val="dk1"/>
                </a:solidFill>
              </a:defRPr>
            </a:lvl8pPr>
            <a:lvl9pPr marL="4114800" indent="-342900">
              <a:lnSpc>
                <a:spcPct val="90000"/>
              </a:lnSpc>
              <a:spcBef>
                <a:spcPts val="600"/>
              </a:spcBef>
              <a:spcAft>
                <a:spcPts val="600"/>
              </a:spcAft>
              <a:buClr>
                <a:schemeClr val="accent1"/>
              </a:buClr>
              <a:buSzPts val="1800"/>
              <a:buChar char="−"/>
              <a:defRPr sz="1200">
                <a:solidFill>
                  <a:schemeClr val="dk1"/>
                </a:solidFill>
              </a:defRPr>
            </a:lvl9pPr>
          </a:lstStyle>
          <a:p>
            <a:pPr marL="0" indent="0"/>
            <a:r>
              <a:rPr lang="en-GB" sz="1200" b="1"/>
              <a:t>Web Development</a:t>
            </a:r>
            <a:endParaRPr lang="en-AU" sz="1200" b="1"/>
          </a:p>
          <a:p>
            <a:pPr marL="0" indent="0"/>
            <a:r>
              <a:rPr lang="en-AU" sz="1200" err="1"/>
              <a:t>Javascript</a:t>
            </a:r>
            <a:r>
              <a:rPr lang="en-AU" sz="1200"/>
              <a:t> is commonly used by web developers including the website layout, creating immersive and interactive content</a:t>
            </a:r>
            <a:endParaRPr lang="en-GB" sz="1200"/>
          </a:p>
        </p:txBody>
      </p:sp>
      <p:pic>
        <p:nvPicPr>
          <p:cNvPr id="4098" name="Picture 2" descr="See the source image">
            <a:extLst>
              <a:ext uri="{FF2B5EF4-FFF2-40B4-BE49-F238E27FC236}">
                <a16:creationId xmlns:a16="http://schemas.microsoft.com/office/drawing/2014/main" id="{0DE54844-DBD5-4FCD-869D-0D302DF29FB5}"/>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8465" t="7515" r="17580" b="7134"/>
          <a:stretch/>
        </p:blipFill>
        <p:spPr bwMode="auto">
          <a:xfrm>
            <a:off x="1306285" y="2172023"/>
            <a:ext cx="842113" cy="674305"/>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B2C9FCAE-A2C2-4FF5-938D-880B16606A6D}"/>
              </a:ext>
            </a:extLst>
          </p:cNvPr>
          <p:cNvSpPr txBox="1"/>
          <p:nvPr/>
        </p:nvSpPr>
        <p:spPr>
          <a:xfrm>
            <a:off x="5621577" y="1190976"/>
            <a:ext cx="2739798" cy="1569660"/>
          </a:xfrm>
          <a:prstGeom prst="rect">
            <a:avLst/>
          </a:prstGeom>
          <a:noFill/>
          <a:ln>
            <a:noFill/>
          </a:ln>
        </p:spPr>
        <p:txBody>
          <a:bodyPr spcFirstLastPara="1" wrap="square" lIns="0" tIns="0" rIns="0" bIns="0" anchor="t" anchorCtr="0"/>
          <a:lstStyle>
            <a:defPPr marR="0" lvl="0" algn="l" rtl="0">
              <a:lnSpc>
                <a:spcPct val="100000"/>
              </a:lnSpc>
              <a:spcBef>
                <a:spcPts val="0"/>
              </a:spcBef>
              <a:spcAft>
                <a:spcPts val="0"/>
              </a:spcAft>
            </a:defPPr>
            <a:lvl1pPr marL="457200" indent="-228600">
              <a:buClr>
                <a:schemeClr val="accent1"/>
              </a:buClr>
              <a:buSzPts val="1600"/>
              <a:buNone/>
              <a:defRPr sz="1600">
                <a:solidFill>
                  <a:schemeClr val="dk2"/>
                </a:solidFill>
              </a:defRPr>
            </a:lvl1pPr>
            <a:lvl2pPr marL="914400" indent="-228600">
              <a:spcBef>
                <a:spcPts val="1200"/>
              </a:spcBef>
              <a:buClr>
                <a:schemeClr val="accent1"/>
              </a:buClr>
              <a:buSzPts val="1600"/>
              <a:buNone/>
              <a:defRPr sz="1600">
                <a:solidFill>
                  <a:schemeClr val="accent1"/>
                </a:solidFill>
              </a:defRPr>
            </a:lvl2pPr>
            <a:lvl3pPr marL="1371600" indent="-228600">
              <a:spcBef>
                <a:spcPts val="600"/>
              </a:spcBef>
              <a:buClr>
                <a:schemeClr val="accent2"/>
              </a:buClr>
              <a:buSzPts val="1600"/>
              <a:buNone/>
              <a:defRPr sz="1600">
                <a:solidFill>
                  <a:schemeClr val="accent1"/>
                </a:solidFill>
              </a:defRPr>
            </a:lvl3pPr>
            <a:lvl4pPr marL="1828800" indent="-228600">
              <a:spcBef>
                <a:spcPts val="600"/>
              </a:spcBef>
              <a:buClr>
                <a:schemeClr val="accent2"/>
              </a:buClr>
              <a:buSzPts val="1600"/>
              <a:buNone/>
              <a:defRPr sz="1600">
                <a:solidFill>
                  <a:schemeClr val="accent1"/>
                </a:solidFill>
              </a:defRPr>
            </a:lvl4pPr>
            <a:lvl5pPr marL="2286000" indent="-228600">
              <a:spcBef>
                <a:spcPts val="600"/>
              </a:spcBef>
              <a:buClr>
                <a:schemeClr val="accent2"/>
              </a:buClr>
              <a:buSzPts val="1600"/>
              <a:buNone/>
              <a:defRPr sz="1600">
                <a:solidFill>
                  <a:schemeClr val="accent1"/>
                </a:solidFill>
              </a:defRPr>
            </a:lvl5pPr>
            <a:lvl6pPr marL="2743200" indent="-342900">
              <a:lnSpc>
                <a:spcPct val="90000"/>
              </a:lnSpc>
              <a:spcBef>
                <a:spcPts val="600"/>
              </a:spcBef>
              <a:buClr>
                <a:schemeClr val="accent1"/>
              </a:buClr>
              <a:buSzPts val="1800"/>
              <a:buChar char="−"/>
              <a:defRPr sz="1200">
                <a:solidFill>
                  <a:schemeClr val="dk1"/>
                </a:solidFill>
              </a:defRPr>
            </a:lvl6pPr>
            <a:lvl7pPr marL="3200400" indent="-342900">
              <a:lnSpc>
                <a:spcPct val="90000"/>
              </a:lnSpc>
              <a:spcBef>
                <a:spcPts val="600"/>
              </a:spcBef>
              <a:buClr>
                <a:schemeClr val="accent1"/>
              </a:buClr>
              <a:buSzPts val="1800"/>
              <a:buChar char="−"/>
              <a:defRPr sz="1200">
                <a:solidFill>
                  <a:schemeClr val="dk1"/>
                </a:solidFill>
              </a:defRPr>
            </a:lvl7pPr>
            <a:lvl8pPr marL="3657600" indent="-342900">
              <a:lnSpc>
                <a:spcPct val="90000"/>
              </a:lnSpc>
              <a:spcBef>
                <a:spcPts val="600"/>
              </a:spcBef>
              <a:buClr>
                <a:schemeClr val="accent1"/>
              </a:buClr>
              <a:buSzPts val="1800"/>
              <a:buChar char="−"/>
              <a:defRPr sz="1200">
                <a:solidFill>
                  <a:schemeClr val="dk1"/>
                </a:solidFill>
              </a:defRPr>
            </a:lvl8pPr>
            <a:lvl9pPr marL="4114800" indent="-342900">
              <a:lnSpc>
                <a:spcPct val="90000"/>
              </a:lnSpc>
              <a:spcBef>
                <a:spcPts val="600"/>
              </a:spcBef>
              <a:spcAft>
                <a:spcPts val="600"/>
              </a:spcAft>
              <a:buClr>
                <a:schemeClr val="accent1"/>
              </a:buClr>
              <a:buSzPts val="1800"/>
              <a:buChar char="−"/>
              <a:defRPr sz="1200">
                <a:solidFill>
                  <a:schemeClr val="dk1"/>
                </a:solidFill>
              </a:defRPr>
            </a:lvl9pPr>
          </a:lstStyle>
          <a:p>
            <a:pPr marL="0" indent="0"/>
            <a:r>
              <a:rPr lang="en-GB" sz="1200" b="1"/>
              <a:t>Software and Applications</a:t>
            </a:r>
            <a:endParaRPr lang="en-AU" sz="1200" b="1"/>
          </a:p>
          <a:p>
            <a:pPr marL="0" indent="0"/>
            <a:r>
              <a:rPr lang="en-AU" sz="1200"/>
              <a:t>Specific languages for each platform. For example creating an app for an </a:t>
            </a:r>
            <a:r>
              <a:rPr lang="en-AU" sz="1200" err="1"/>
              <a:t>iphone</a:t>
            </a:r>
            <a:r>
              <a:rPr lang="en-AU" sz="1200"/>
              <a:t> will be a different language to creating an app for android</a:t>
            </a:r>
            <a:endParaRPr lang="en-GB" sz="1200"/>
          </a:p>
        </p:txBody>
      </p:sp>
      <p:pic>
        <p:nvPicPr>
          <p:cNvPr id="4102" name="Picture 6" descr="See the source image">
            <a:extLst>
              <a:ext uri="{FF2B5EF4-FFF2-40B4-BE49-F238E27FC236}">
                <a16:creationId xmlns:a16="http://schemas.microsoft.com/office/drawing/2014/main" id="{BD918D06-532F-4F49-AF97-EC8366F9CA6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926144" y="2176245"/>
            <a:ext cx="674305" cy="674305"/>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a:extLst>
              <a:ext uri="{FF2B5EF4-FFF2-40B4-BE49-F238E27FC236}">
                <a16:creationId xmlns:a16="http://schemas.microsoft.com/office/drawing/2014/main" id="{A5212B8E-1E62-4835-AD88-B331EAD58970}"/>
              </a:ext>
            </a:extLst>
          </p:cNvPr>
          <p:cNvPicPr>
            <a:picLocks noChangeAspect="1"/>
          </p:cNvPicPr>
          <p:nvPr/>
        </p:nvPicPr>
        <p:blipFill>
          <a:blip r:embed="rId5"/>
          <a:stretch>
            <a:fillRect/>
          </a:stretch>
        </p:blipFill>
        <p:spPr>
          <a:xfrm>
            <a:off x="6905016" y="2169800"/>
            <a:ext cx="641678" cy="674305"/>
          </a:xfrm>
          <a:prstGeom prst="rect">
            <a:avLst/>
          </a:prstGeom>
        </p:spPr>
      </p:pic>
      <p:sp>
        <p:nvSpPr>
          <p:cNvPr id="10" name="TextBox 9">
            <a:extLst>
              <a:ext uri="{FF2B5EF4-FFF2-40B4-BE49-F238E27FC236}">
                <a16:creationId xmlns:a16="http://schemas.microsoft.com/office/drawing/2014/main" id="{D449710E-C78D-4FE5-BB49-A323EF749FC9}"/>
              </a:ext>
            </a:extLst>
          </p:cNvPr>
          <p:cNvSpPr txBox="1"/>
          <p:nvPr/>
        </p:nvSpPr>
        <p:spPr>
          <a:xfrm>
            <a:off x="635919" y="2950408"/>
            <a:ext cx="2739798" cy="1569660"/>
          </a:xfrm>
          <a:prstGeom prst="rect">
            <a:avLst/>
          </a:prstGeom>
          <a:noFill/>
          <a:ln>
            <a:noFill/>
          </a:ln>
        </p:spPr>
        <p:txBody>
          <a:bodyPr spcFirstLastPara="1" wrap="square" lIns="0" tIns="0" rIns="0" bIns="0" anchor="t" anchorCtr="0"/>
          <a:lstStyle>
            <a:defPPr marR="0" lvl="0" algn="l" rtl="0">
              <a:lnSpc>
                <a:spcPct val="100000"/>
              </a:lnSpc>
              <a:spcBef>
                <a:spcPts val="0"/>
              </a:spcBef>
              <a:spcAft>
                <a:spcPts val="0"/>
              </a:spcAft>
            </a:defPPr>
            <a:lvl1pPr marL="457200" indent="-228600">
              <a:buClr>
                <a:schemeClr val="accent1"/>
              </a:buClr>
              <a:buSzPts val="1600"/>
              <a:buNone/>
              <a:defRPr sz="1600">
                <a:solidFill>
                  <a:schemeClr val="dk2"/>
                </a:solidFill>
              </a:defRPr>
            </a:lvl1pPr>
            <a:lvl2pPr marL="914400" indent="-228600">
              <a:spcBef>
                <a:spcPts val="1200"/>
              </a:spcBef>
              <a:buClr>
                <a:schemeClr val="accent1"/>
              </a:buClr>
              <a:buSzPts val="1600"/>
              <a:buNone/>
              <a:defRPr sz="1600">
                <a:solidFill>
                  <a:schemeClr val="accent1"/>
                </a:solidFill>
              </a:defRPr>
            </a:lvl2pPr>
            <a:lvl3pPr marL="1371600" indent="-228600">
              <a:spcBef>
                <a:spcPts val="600"/>
              </a:spcBef>
              <a:buClr>
                <a:schemeClr val="accent2"/>
              </a:buClr>
              <a:buSzPts val="1600"/>
              <a:buNone/>
              <a:defRPr sz="1600">
                <a:solidFill>
                  <a:schemeClr val="accent1"/>
                </a:solidFill>
              </a:defRPr>
            </a:lvl3pPr>
            <a:lvl4pPr marL="1828800" indent="-228600">
              <a:spcBef>
                <a:spcPts val="600"/>
              </a:spcBef>
              <a:buClr>
                <a:schemeClr val="accent2"/>
              </a:buClr>
              <a:buSzPts val="1600"/>
              <a:buNone/>
              <a:defRPr sz="1600">
                <a:solidFill>
                  <a:schemeClr val="accent1"/>
                </a:solidFill>
              </a:defRPr>
            </a:lvl4pPr>
            <a:lvl5pPr marL="2286000" indent="-228600">
              <a:spcBef>
                <a:spcPts val="600"/>
              </a:spcBef>
              <a:buClr>
                <a:schemeClr val="accent2"/>
              </a:buClr>
              <a:buSzPts val="1600"/>
              <a:buNone/>
              <a:defRPr sz="1600">
                <a:solidFill>
                  <a:schemeClr val="accent1"/>
                </a:solidFill>
              </a:defRPr>
            </a:lvl5pPr>
            <a:lvl6pPr marL="2743200" indent="-342900">
              <a:lnSpc>
                <a:spcPct val="90000"/>
              </a:lnSpc>
              <a:spcBef>
                <a:spcPts val="600"/>
              </a:spcBef>
              <a:buClr>
                <a:schemeClr val="accent1"/>
              </a:buClr>
              <a:buSzPts val="1800"/>
              <a:buChar char="−"/>
              <a:defRPr sz="1200">
                <a:solidFill>
                  <a:schemeClr val="dk1"/>
                </a:solidFill>
              </a:defRPr>
            </a:lvl6pPr>
            <a:lvl7pPr marL="3200400" indent="-342900">
              <a:lnSpc>
                <a:spcPct val="90000"/>
              </a:lnSpc>
              <a:spcBef>
                <a:spcPts val="600"/>
              </a:spcBef>
              <a:buClr>
                <a:schemeClr val="accent1"/>
              </a:buClr>
              <a:buSzPts val="1800"/>
              <a:buChar char="−"/>
              <a:defRPr sz="1200">
                <a:solidFill>
                  <a:schemeClr val="dk1"/>
                </a:solidFill>
              </a:defRPr>
            </a:lvl7pPr>
            <a:lvl8pPr marL="3657600" indent="-342900">
              <a:lnSpc>
                <a:spcPct val="90000"/>
              </a:lnSpc>
              <a:spcBef>
                <a:spcPts val="600"/>
              </a:spcBef>
              <a:buClr>
                <a:schemeClr val="accent1"/>
              </a:buClr>
              <a:buSzPts val="1800"/>
              <a:buChar char="−"/>
              <a:defRPr sz="1200">
                <a:solidFill>
                  <a:schemeClr val="dk1"/>
                </a:solidFill>
              </a:defRPr>
            </a:lvl8pPr>
            <a:lvl9pPr marL="4114800" indent="-342900">
              <a:lnSpc>
                <a:spcPct val="90000"/>
              </a:lnSpc>
              <a:spcBef>
                <a:spcPts val="600"/>
              </a:spcBef>
              <a:spcAft>
                <a:spcPts val="600"/>
              </a:spcAft>
              <a:buClr>
                <a:schemeClr val="accent1"/>
              </a:buClr>
              <a:buSzPts val="1800"/>
              <a:buChar char="−"/>
              <a:defRPr sz="1200">
                <a:solidFill>
                  <a:schemeClr val="dk1"/>
                </a:solidFill>
              </a:defRPr>
            </a:lvl9pPr>
          </a:lstStyle>
          <a:p>
            <a:pPr marL="0" indent="0"/>
            <a:r>
              <a:rPr lang="en-GB" sz="1200" b="1"/>
              <a:t>Scientific</a:t>
            </a:r>
            <a:endParaRPr lang="en-AU" sz="1200" b="1"/>
          </a:p>
          <a:p>
            <a:pPr marL="0" indent="0"/>
            <a:r>
              <a:rPr lang="en-AU" sz="1200"/>
              <a:t>Clean, simple to use languages, usually number intensive and good at solving mathematical equations</a:t>
            </a:r>
            <a:endParaRPr lang="en-GB" sz="1200"/>
          </a:p>
        </p:txBody>
      </p:sp>
      <p:pic>
        <p:nvPicPr>
          <p:cNvPr id="7" name="Picture 6">
            <a:extLst>
              <a:ext uri="{FF2B5EF4-FFF2-40B4-BE49-F238E27FC236}">
                <a16:creationId xmlns:a16="http://schemas.microsoft.com/office/drawing/2014/main" id="{A39F51F5-FF6D-4965-B2BA-D4079BE5D03A}"/>
              </a:ext>
            </a:extLst>
          </p:cNvPr>
          <p:cNvPicPr>
            <a:picLocks noChangeAspect="1"/>
          </p:cNvPicPr>
          <p:nvPr/>
        </p:nvPicPr>
        <p:blipFill>
          <a:blip r:embed="rId6"/>
          <a:stretch>
            <a:fillRect/>
          </a:stretch>
        </p:blipFill>
        <p:spPr>
          <a:xfrm>
            <a:off x="1306285" y="3766057"/>
            <a:ext cx="903582" cy="943155"/>
          </a:xfrm>
          <a:prstGeom prst="rect">
            <a:avLst/>
          </a:prstGeom>
        </p:spPr>
      </p:pic>
      <p:sp>
        <p:nvSpPr>
          <p:cNvPr id="12" name="TextBox 11">
            <a:extLst>
              <a:ext uri="{FF2B5EF4-FFF2-40B4-BE49-F238E27FC236}">
                <a16:creationId xmlns:a16="http://schemas.microsoft.com/office/drawing/2014/main" id="{26B3DAD1-70C3-457C-B7EC-E6462493103C}"/>
              </a:ext>
            </a:extLst>
          </p:cNvPr>
          <p:cNvSpPr txBox="1"/>
          <p:nvPr/>
        </p:nvSpPr>
        <p:spPr>
          <a:xfrm>
            <a:off x="5621577" y="2950408"/>
            <a:ext cx="2739798" cy="1569660"/>
          </a:xfrm>
          <a:prstGeom prst="rect">
            <a:avLst/>
          </a:prstGeom>
          <a:noFill/>
          <a:ln>
            <a:noFill/>
          </a:ln>
        </p:spPr>
        <p:txBody>
          <a:bodyPr spcFirstLastPara="1" wrap="square" lIns="0" tIns="0" rIns="0" bIns="0" anchor="t" anchorCtr="0"/>
          <a:lstStyle>
            <a:defPPr marR="0" lvl="0" algn="l" rtl="0">
              <a:lnSpc>
                <a:spcPct val="100000"/>
              </a:lnSpc>
              <a:spcBef>
                <a:spcPts val="0"/>
              </a:spcBef>
              <a:spcAft>
                <a:spcPts val="0"/>
              </a:spcAft>
            </a:defPPr>
            <a:lvl1pPr marL="457200" indent="-228600">
              <a:buClr>
                <a:schemeClr val="accent1"/>
              </a:buClr>
              <a:buSzPts val="1600"/>
              <a:buNone/>
              <a:defRPr sz="1600">
                <a:solidFill>
                  <a:schemeClr val="dk2"/>
                </a:solidFill>
              </a:defRPr>
            </a:lvl1pPr>
            <a:lvl2pPr marL="914400" indent="-228600">
              <a:spcBef>
                <a:spcPts val="1200"/>
              </a:spcBef>
              <a:buClr>
                <a:schemeClr val="accent1"/>
              </a:buClr>
              <a:buSzPts val="1600"/>
              <a:buNone/>
              <a:defRPr sz="1600">
                <a:solidFill>
                  <a:schemeClr val="accent1"/>
                </a:solidFill>
              </a:defRPr>
            </a:lvl2pPr>
            <a:lvl3pPr marL="1371600" indent="-228600">
              <a:spcBef>
                <a:spcPts val="600"/>
              </a:spcBef>
              <a:buClr>
                <a:schemeClr val="accent2"/>
              </a:buClr>
              <a:buSzPts val="1600"/>
              <a:buNone/>
              <a:defRPr sz="1600">
                <a:solidFill>
                  <a:schemeClr val="accent1"/>
                </a:solidFill>
              </a:defRPr>
            </a:lvl3pPr>
            <a:lvl4pPr marL="1828800" indent="-228600">
              <a:spcBef>
                <a:spcPts val="600"/>
              </a:spcBef>
              <a:buClr>
                <a:schemeClr val="accent2"/>
              </a:buClr>
              <a:buSzPts val="1600"/>
              <a:buNone/>
              <a:defRPr sz="1600">
                <a:solidFill>
                  <a:schemeClr val="accent1"/>
                </a:solidFill>
              </a:defRPr>
            </a:lvl4pPr>
            <a:lvl5pPr marL="2286000" indent="-228600">
              <a:spcBef>
                <a:spcPts val="600"/>
              </a:spcBef>
              <a:buClr>
                <a:schemeClr val="accent2"/>
              </a:buClr>
              <a:buSzPts val="1600"/>
              <a:buNone/>
              <a:defRPr sz="1600">
                <a:solidFill>
                  <a:schemeClr val="accent1"/>
                </a:solidFill>
              </a:defRPr>
            </a:lvl5pPr>
            <a:lvl6pPr marL="2743200" indent="-342900">
              <a:lnSpc>
                <a:spcPct val="90000"/>
              </a:lnSpc>
              <a:spcBef>
                <a:spcPts val="600"/>
              </a:spcBef>
              <a:buClr>
                <a:schemeClr val="accent1"/>
              </a:buClr>
              <a:buSzPts val="1800"/>
              <a:buChar char="−"/>
              <a:defRPr sz="1200">
                <a:solidFill>
                  <a:schemeClr val="dk1"/>
                </a:solidFill>
              </a:defRPr>
            </a:lvl6pPr>
            <a:lvl7pPr marL="3200400" indent="-342900">
              <a:lnSpc>
                <a:spcPct val="90000"/>
              </a:lnSpc>
              <a:spcBef>
                <a:spcPts val="600"/>
              </a:spcBef>
              <a:buClr>
                <a:schemeClr val="accent1"/>
              </a:buClr>
              <a:buSzPts val="1800"/>
              <a:buChar char="−"/>
              <a:defRPr sz="1200">
                <a:solidFill>
                  <a:schemeClr val="dk1"/>
                </a:solidFill>
              </a:defRPr>
            </a:lvl7pPr>
            <a:lvl8pPr marL="3657600" indent="-342900">
              <a:lnSpc>
                <a:spcPct val="90000"/>
              </a:lnSpc>
              <a:spcBef>
                <a:spcPts val="600"/>
              </a:spcBef>
              <a:buClr>
                <a:schemeClr val="accent1"/>
              </a:buClr>
              <a:buSzPts val="1800"/>
              <a:buChar char="−"/>
              <a:defRPr sz="1200">
                <a:solidFill>
                  <a:schemeClr val="dk1"/>
                </a:solidFill>
              </a:defRPr>
            </a:lvl8pPr>
            <a:lvl9pPr marL="4114800" indent="-342900">
              <a:lnSpc>
                <a:spcPct val="90000"/>
              </a:lnSpc>
              <a:spcBef>
                <a:spcPts val="600"/>
              </a:spcBef>
              <a:spcAft>
                <a:spcPts val="600"/>
              </a:spcAft>
              <a:buClr>
                <a:schemeClr val="accent1"/>
              </a:buClr>
              <a:buSzPts val="1800"/>
              <a:buChar char="−"/>
              <a:defRPr sz="1200">
                <a:solidFill>
                  <a:schemeClr val="dk1"/>
                </a:solidFill>
              </a:defRPr>
            </a:lvl9pPr>
          </a:lstStyle>
          <a:p>
            <a:pPr marL="0" indent="0"/>
            <a:r>
              <a:rPr lang="en-GB" sz="1200" b="1" dirty="0"/>
              <a:t>Visual</a:t>
            </a:r>
            <a:endParaRPr lang="en-AU" sz="1200" b="1" dirty="0"/>
          </a:p>
          <a:p>
            <a:pPr marL="0" indent="0"/>
            <a:r>
              <a:rPr lang="en-AU" sz="1200" dirty="0"/>
              <a:t>Visual programming uses node based interface that does not require the writing of code. Used for repetitive tasks, analysis and complex geometry.</a:t>
            </a:r>
          </a:p>
          <a:p>
            <a:pPr marL="0" indent="0"/>
            <a:endParaRPr lang="en-AU" sz="1200" dirty="0"/>
          </a:p>
          <a:p>
            <a:pPr marL="0" indent="0"/>
            <a:endParaRPr lang="en-AU" sz="1200" dirty="0"/>
          </a:p>
          <a:p>
            <a:pPr marL="0" indent="0"/>
            <a:endParaRPr lang="en-AU" sz="1200" dirty="0"/>
          </a:p>
          <a:p>
            <a:pPr marL="0" indent="0"/>
            <a:endParaRPr lang="en-AU" sz="1200" dirty="0"/>
          </a:p>
          <a:p>
            <a:pPr marL="0" indent="0"/>
            <a:endParaRPr lang="en-AU" sz="1200" dirty="0"/>
          </a:p>
          <a:p>
            <a:pPr marL="0" indent="0"/>
            <a:r>
              <a:rPr lang="en-AU" sz="900" dirty="0"/>
              <a:t>Grasshopper = Rhino            Dynamo = Revit</a:t>
            </a:r>
            <a:endParaRPr lang="en-GB" sz="900" dirty="0"/>
          </a:p>
        </p:txBody>
      </p:sp>
      <p:pic>
        <p:nvPicPr>
          <p:cNvPr id="4104" name="Picture 8" descr="See the source image">
            <a:extLst>
              <a:ext uri="{FF2B5EF4-FFF2-40B4-BE49-F238E27FC236}">
                <a16:creationId xmlns:a16="http://schemas.microsoft.com/office/drawing/2014/main" id="{38828DBB-E650-4334-AE56-38305D278335}"/>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621577" y="3970657"/>
            <a:ext cx="815910" cy="715319"/>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a:extLst>
              <a:ext uri="{FF2B5EF4-FFF2-40B4-BE49-F238E27FC236}">
                <a16:creationId xmlns:a16="http://schemas.microsoft.com/office/drawing/2014/main" id="{2F7E9C92-64CA-435C-820D-54ADEF7A8942}"/>
              </a:ext>
            </a:extLst>
          </p:cNvPr>
          <p:cNvPicPr>
            <a:picLocks noChangeAspect="1"/>
          </p:cNvPicPr>
          <p:nvPr/>
        </p:nvPicPr>
        <p:blipFill>
          <a:blip r:embed="rId8"/>
          <a:stretch>
            <a:fillRect/>
          </a:stretch>
        </p:blipFill>
        <p:spPr>
          <a:xfrm>
            <a:off x="7000888" y="4144935"/>
            <a:ext cx="1252713" cy="366764"/>
          </a:xfrm>
          <a:prstGeom prst="rect">
            <a:avLst/>
          </a:prstGeom>
        </p:spPr>
      </p:pic>
      <p:sp>
        <p:nvSpPr>
          <p:cNvPr id="13" name="Title 1">
            <a:extLst>
              <a:ext uri="{FF2B5EF4-FFF2-40B4-BE49-F238E27FC236}">
                <a16:creationId xmlns:a16="http://schemas.microsoft.com/office/drawing/2014/main" id="{EC97011A-1A40-4848-A009-1D58F84B6511}"/>
              </a:ext>
            </a:extLst>
          </p:cNvPr>
          <p:cNvSpPr txBox="1">
            <a:spLocks/>
          </p:cNvSpPr>
          <p:nvPr/>
        </p:nvSpPr>
        <p:spPr>
          <a:xfrm>
            <a:off x="395288" y="716162"/>
            <a:ext cx="8353424" cy="298451"/>
          </a:xfrm>
          <a:prstGeom prst="rect">
            <a:avLst/>
          </a:prstGeom>
          <a:noFill/>
          <a:ln>
            <a:noFill/>
          </a:ln>
        </p:spPr>
        <p:txBody>
          <a:bodyPr spcFirstLastPara="1" wrap="square" lIns="0" tIns="0" rIns="0" bIns="0" anchor="t" anchorCtr="0"/>
          <a:lstStyle>
            <a:defPPr marR="0" lvl="0" algn="l" rtl="0">
              <a:lnSpc>
                <a:spcPct val="100000"/>
              </a:lnSpc>
              <a:spcBef>
                <a:spcPts val="0"/>
              </a:spcBef>
              <a:spcAft>
                <a:spcPts val="0"/>
              </a:spcAft>
            </a:defPPr>
            <a:lvl1pPr marR="0" lvl="0" algn="l" rtl="0">
              <a:lnSpc>
                <a:spcPct val="80000"/>
              </a:lnSpc>
              <a:spcBef>
                <a:spcPts val="0"/>
              </a:spcBef>
              <a:spcAft>
                <a:spcPts val="0"/>
              </a:spcAft>
              <a:buClr>
                <a:schemeClr val="dk1"/>
              </a:buClr>
              <a:buSzPts val="1800"/>
              <a:buFont typeface="Arial"/>
              <a:buNone/>
              <a:defRPr sz="22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9pPr>
          </a:lstStyle>
          <a:p>
            <a:r>
              <a:rPr lang="en-GB" sz="1600"/>
              <a:t>Common Programming Languages</a:t>
            </a:r>
            <a:endParaRPr lang="en-AU" sz="1600"/>
          </a:p>
        </p:txBody>
      </p:sp>
    </p:spTree>
    <p:extLst>
      <p:ext uri="{BB962C8B-B14F-4D97-AF65-F5344CB8AC3E}">
        <p14:creationId xmlns:p14="http://schemas.microsoft.com/office/powerpoint/2010/main" val="1386757504"/>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34EA307-2F5D-42FB-99BB-B7C510669730}"/>
              </a:ext>
            </a:extLst>
          </p:cNvPr>
          <p:cNvSpPr>
            <a:spLocks noGrp="1"/>
          </p:cNvSpPr>
          <p:nvPr>
            <p:ph type="title"/>
          </p:nvPr>
        </p:nvSpPr>
        <p:spPr/>
        <p:txBody>
          <a:bodyPr/>
          <a:lstStyle/>
          <a:p>
            <a:r>
              <a:rPr lang="en-US" altLang="zh-CN"/>
              <a:t>What is </a:t>
            </a:r>
            <a:r>
              <a:rPr lang="en-GB"/>
              <a:t>Programming Language</a:t>
            </a:r>
            <a:endParaRPr lang="en-AU"/>
          </a:p>
        </p:txBody>
      </p:sp>
      <p:sp>
        <p:nvSpPr>
          <p:cNvPr id="7" name="TextBox 6">
            <a:extLst>
              <a:ext uri="{FF2B5EF4-FFF2-40B4-BE49-F238E27FC236}">
                <a16:creationId xmlns:a16="http://schemas.microsoft.com/office/drawing/2014/main" id="{2E192B8A-372C-4D0A-B427-94657CDDBBEC}"/>
              </a:ext>
            </a:extLst>
          </p:cNvPr>
          <p:cNvSpPr txBox="1"/>
          <p:nvPr/>
        </p:nvSpPr>
        <p:spPr>
          <a:xfrm>
            <a:off x="391524" y="695326"/>
            <a:ext cx="8210208" cy="707453"/>
          </a:xfrm>
          <a:prstGeom prst="rect">
            <a:avLst/>
          </a:prstGeom>
          <a:noFill/>
          <a:ln>
            <a:noFill/>
          </a:ln>
        </p:spPr>
        <p:txBody>
          <a:bodyPr spcFirstLastPara="1" wrap="square" lIns="0" tIns="0" rIns="0" bIns="0" anchor="t" anchorCtr="0"/>
          <a:lstStyle>
            <a:defPPr marR="0" lvl="0" algn="l" rtl="0">
              <a:lnSpc>
                <a:spcPct val="100000"/>
              </a:lnSpc>
              <a:spcBef>
                <a:spcPts val="0"/>
              </a:spcBef>
              <a:spcAft>
                <a:spcPts val="0"/>
              </a:spcAft>
            </a:defPPr>
            <a:lvl1pPr marL="457200" indent="-228600">
              <a:buClr>
                <a:schemeClr val="accent1"/>
              </a:buClr>
              <a:buSzPts val="1600"/>
              <a:buNone/>
              <a:defRPr sz="1600">
                <a:solidFill>
                  <a:schemeClr val="dk2"/>
                </a:solidFill>
              </a:defRPr>
            </a:lvl1pPr>
            <a:lvl2pPr marL="914400" indent="-228600">
              <a:spcBef>
                <a:spcPts val="1200"/>
              </a:spcBef>
              <a:buClr>
                <a:schemeClr val="accent1"/>
              </a:buClr>
              <a:buSzPts val="1600"/>
              <a:buNone/>
              <a:defRPr sz="1600">
                <a:solidFill>
                  <a:schemeClr val="accent1"/>
                </a:solidFill>
              </a:defRPr>
            </a:lvl2pPr>
            <a:lvl3pPr marL="1371600" indent="-228600">
              <a:spcBef>
                <a:spcPts val="600"/>
              </a:spcBef>
              <a:buClr>
                <a:schemeClr val="accent2"/>
              </a:buClr>
              <a:buSzPts val="1600"/>
              <a:buNone/>
              <a:defRPr sz="1600">
                <a:solidFill>
                  <a:schemeClr val="accent1"/>
                </a:solidFill>
              </a:defRPr>
            </a:lvl3pPr>
            <a:lvl4pPr marL="1828800" indent="-228600">
              <a:spcBef>
                <a:spcPts val="600"/>
              </a:spcBef>
              <a:buClr>
                <a:schemeClr val="accent2"/>
              </a:buClr>
              <a:buSzPts val="1600"/>
              <a:buNone/>
              <a:defRPr sz="1600">
                <a:solidFill>
                  <a:schemeClr val="accent1"/>
                </a:solidFill>
              </a:defRPr>
            </a:lvl4pPr>
            <a:lvl5pPr marL="2286000" indent="-228600">
              <a:spcBef>
                <a:spcPts val="600"/>
              </a:spcBef>
              <a:buClr>
                <a:schemeClr val="accent2"/>
              </a:buClr>
              <a:buSzPts val="1600"/>
              <a:buNone/>
              <a:defRPr sz="1600">
                <a:solidFill>
                  <a:schemeClr val="accent1"/>
                </a:solidFill>
              </a:defRPr>
            </a:lvl5pPr>
            <a:lvl6pPr marL="2743200" indent="-342900">
              <a:lnSpc>
                <a:spcPct val="90000"/>
              </a:lnSpc>
              <a:spcBef>
                <a:spcPts val="600"/>
              </a:spcBef>
              <a:buClr>
                <a:schemeClr val="accent1"/>
              </a:buClr>
              <a:buSzPts val="1800"/>
              <a:buChar char="−"/>
              <a:defRPr sz="1200">
                <a:solidFill>
                  <a:schemeClr val="dk1"/>
                </a:solidFill>
              </a:defRPr>
            </a:lvl6pPr>
            <a:lvl7pPr marL="3200400" indent="-342900">
              <a:lnSpc>
                <a:spcPct val="90000"/>
              </a:lnSpc>
              <a:spcBef>
                <a:spcPts val="600"/>
              </a:spcBef>
              <a:buClr>
                <a:schemeClr val="accent1"/>
              </a:buClr>
              <a:buSzPts val="1800"/>
              <a:buChar char="−"/>
              <a:defRPr sz="1200">
                <a:solidFill>
                  <a:schemeClr val="dk1"/>
                </a:solidFill>
              </a:defRPr>
            </a:lvl7pPr>
            <a:lvl8pPr marL="3657600" indent="-342900">
              <a:lnSpc>
                <a:spcPct val="90000"/>
              </a:lnSpc>
              <a:spcBef>
                <a:spcPts val="600"/>
              </a:spcBef>
              <a:buClr>
                <a:schemeClr val="accent1"/>
              </a:buClr>
              <a:buSzPts val="1800"/>
              <a:buChar char="−"/>
              <a:defRPr sz="1200">
                <a:solidFill>
                  <a:schemeClr val="dk1"/>
                </a:solidFill>
              </a:defRPr>
            </a:lvl8pPr>
            <a:lvl9pPr marL="4114800" indent="-342900">
              <a:lnSpc>
                <a:spcPct val="90000"/>
              </a:lnSpc>
              <a:spcBef>
                <a:spcPts val="600"/>
              </a:spcBef>
              <a:spcAft>
                <a:spcPts val="600"/>
              </a:spcAft>
              <a:buClr>
                <a:schemeClr val="accent1"/>
              </a:buClr>
              <a:buSzPts val="1800"/>
              <a:buChar char="−"/>
              <a:defRPr sz="1200">
                <a:solidFill>
                  <a:schemeClr val="dk1"/>
                </a:solidFill>
              </a:defRPr>
            </a:lvl9pPr>
          </a:lstStyle>
          <a:p>
            <a:pPr marL="0" indent="0"/>
            <a:r>
              <a:rPr lang="en-AU">
                <a:solidFill>
                  <a:schemeClr val="tx1"/>
                </a:solidFill>
              </a:rPr>
              <a:t>Natural Language vs Programming Language</a:t>
            </a:r>
          </a:p>
          <a:p>
            <a:pPr marL="285750" indent="-285750">
              <a:buFont typeface="Arial" panose="020B0604020202020204" pitchFamily="34" charset="0"/>
              <a:buChar char="•"/>
            </a:pPr>
            <a:endParaRPr lang="en-AU">
              <a:solidFill>
                <a:schemeClr val="tx1"/>
              </a:solidFill>
            </a:endParaRPr>
          </a:p>
        </p:txBody>
      </p:sp>
      <p:graphicFrame>
        <p:nvGraphicFramePr>
          <p:cNvPr id="3" name="Table 4">
            <a:extLst>
              <a:ext uri="{FF2B5EF4-FFF2-40B4-BE49-F238E27FC236}">
                <a16:creationId xmlns:a16="http://schemas.microsoft.com/office/drawing/2014/main" id="{7B763387-BA1A-4C12-BCFC-F74576E04328}"/>
              </a:ext>
            </a:extLst>
          </p:cNvPr>
          <p:cNvGraphicFramePr>
            <a:graphicFrameLocks noGrp="1"/>
          </p:cNvGraphicFramePr>
          <p:nvPr>
            <p:extLst>
              <p:ext uri="{D42A27DB-BD31-4B8C-83A1-F6EECF244321}">
                <p14:modId xmlns:p14="http://schemas.microsoft.com/office/powerpoint/2010/main" val="316672275"/>
              </p:ext>
            </p:extLst>
          </p:nvPr>
        </p:nvGraphicFramePr>
        <p:xfrm>
          <a:off x="391524" y="1658679"/>
          <a:ext cx="8195127" cy="2240280"/>
        </p:xfrm>
        <a:graphic>
          <a:graphicData uri="http://schemas.openxmlformats.org/drawingml/2006/table">
            <a:tbl>
              <a:tblPr firstRow="1" bandRow="1">
                <a:tableStyleId>{5C22544A-7EE6-4342-B048-85BDC9FD1C3A}</a:tableStyleId>
              </a:tblPr>
              <a:tblGrid>
                <a:gridCol w="3420970">
                  <a:extLst>
                    <a:ext uri="{9D8B030D-6E8A-4147-A177-3AD203B41FA5}">
                      <a16:colId xmlns:a16="http://schemas.microsoft.com/office/drawing/2014/main" val="3084979477"/>
                    </a:ext>
                  </a:extLst>
                </a:gridCol>
                <a:gridCol w="4774157">
                  <a:extLst>
                    <a:ext uri="{9D8B030D-6E8A-4147-A177-3AD203B41FA5}">
                      <a16:colId xmlns:a16="http://schemas.microsoft.com/office/drawing/2014/main" val="4229703131"/>
                    </a:ext>
                  </a:extLst>
                </a:gridCol>
              </a:tblGrid>
              <a:tr h="370840">
                <a:tc>
                  <a:txBody>
                    <a:bodyPr/>
                    <a:lstStyle/>
                    <a:p>
                      <a:r>
                        <a:rPr lang="en-AU"/>
                        <a:t>Myth</a:t>
                      </a:r>
                      <a:endParaRPr lang="en-GB"/>
                    </a:p>
                  </a:txBody>
                  <a:tcPr/>
                </a:tc>
                <a:tc>
                  <a:txBody>
                    <a:bodyPr/>
                    <a:lstStyle/>
                    <a:p>
                      <a:r>
                        <a:rPr lang="en-AU"/>
                        <a:t>Truth</a:t>
                      </a:r>
                      <a:endParaRPr lang="en-GB"/>
                    </a:p>
                  </a:txBody>
                  <a:tcPr/>
                </a:tc>
                <a:extLst>
                  <a:ext uri="{0D108BD9-81ED-4DB2-BD59-A6C34878D82A}">
                    <a16:rowId xmlns:a16="http://schemas.microsoft.com/office/drawing/2014/main" val="2071936325"/>
                  </a:ext>
                </a:extLst>
              </a:tr>
              <a:tr h="370840">
                <a:tc>
                  <a:txBody>
                    <a:bodyPr/>
                    <a:lstStyle/>
                    <a:p>
                      <a:r>
                        <a:rPr lang="en-AU"/>
                        <a:t>Lots of maths</a:t>
                      </a:r>
                      <a:endParaRPr lang="en-GB"/>
                    </a:p>
                  </a:txBody>
                  <a:tcPr/>
                </a:tc>
                <a:tc>
                  <a:txBody>
                    <a:bodyPr/>
                    <a:lstStyle/>
                    <a:p>
                      <a:r>
                        <a:rPr lang="en-AU" dirty="0"/>
                        <a:t>A good foundation in Maths is sufficient</a:t>
                      </a:r>
                      <a:endParaRPr lang="en-GB" dirty="0"/>
                    </a:p>
                  </a:txBody>
                  <a:tcPr/>
                </a:tc>
                <a:extLst>
                  <a:ext uri="{0D108BD9-81ED-4DB2-BD59-A6C34878D82A}">
                    <a16:rowId xmlns:a16="http://schemas.microsoft.com/office/drawing/2014/main" val="3875396125"/>
                  </a:ext>
                </a:extLst>
              </a:tr>
              <a:tr h="370840">
                <a:tc>
                  <a:txBody>
                    <a:bodyPr/>
                    <a:lstStyle/>
                    <a:p>
                      <a:r>
                        <a:rPr lang="en-AU" dirty="0"/>
                        <a:t>Tertiary education in computer science</a:t>
                      </a:r>
                      <a:endParaRPr lang="en-GB" dirty="0"/>
                    </a:p>
                  </a:txBody>
                  <a:tcPr/>
                </a:tc>
                <a:tc>
                  <a:txBody>
                    <a:bodyPr/>
                    <a:lstStyle/>
                    <a:p>
                      <a:pPr marL="0" marR="0" lvl="0" indent="0" algn="l" defTabSz="914400" rtl="0" eaLnBrk="1" fontAlgn="auto" latinLnBrk="0" hangingPunct="1">
                        <a:lnSpc>
                          <a:spcPct val="100000"/>
                        </a:lnSpc>
                        <a:spcBef>
                          <a:spcPts val="0"/>
                        </a:spcBef>
                        <a:spcAft>
                          <a:spcPts val="0"/>
                        </a:spcAft>
                        <a:buClr>
                          <a:srgbClr val="000000"/>
                        </a:buClr>
                        <a:buSzTx/>
                        <a:buFont typeface="Arial"/>
                        <a:buNone/>
                        <a:tabLst/>
                        <a:defRPr/>
                      </a:pPr>
                      <a:r>
                        <a:rPr lang="en-AU" dirty="0"/>
                        <a:t>Can be as simple as using an Excel spreadsheet</a:t>
                      </a:r>
                      <a:endParaRPr lang="en-GB" dirty="0"/>
                    </a:p>
                  </a:txBody>
                  <a:tcPr/>
                </a:tc>
                <a:extLst>
                  <a:ext uri="{0D108BD9-81ED-4DB2-BD59-A6C34878D82A}">
                    <a16:rowId xmlns:a16="http://schemas.microsoft.com/office/drawing/2014/main" val="3716266224"/>
                  </a:ext>
                </a:extLst>
              </a:tr>
              <a:tr h="370840">
                <a:tc>
                  <a:txBody>
                    <a:bodyPr/>
                    <a:lstStyle/>
                    <a:p>
                      <a:r>
                        <a:rPr lang="en-AU" dirty="0"/>
                        <a:t>Dry maths in IT land</a:t>
                      </a:r>
                      <a:endParaRPr lang="en-GB" dirty="0"/>
                    </a:p>
                  </a:txBody>
                  <a:tcPr/>
                </a:tc>
                <a:tc>
                  <a:txBody>
                    <a:bodyPr/>
                    <a:lstStyle/>
                    <a:p>
                      <a:r>
                        <a:rPr lang="en-AU" dirty="0"/>
                        <a:t>Successful examples in natural science, fine arts, sociology, environmental industries</a:t>
                      </a:r>
                      <a:endParaRPr lang="en-GB" dirty="0"/>
                    </a:p>
                  </a:txBody>
                  <a:tcPr/>
                </a:tc>
                <a:extLst>
                  <a:ext uri="{0D108BD9-81ED-4DB2-BD59-A6C34878D82A}">
                    <a16:rowId xmlns:a16="http://schemas.microsoft.com/office/drawing/2014/main" val="2269862617"/>
                  </a:ext>
                </a:extLst>
              </a:tr>
              <a:tr h="152400">
                <a:tc>
                  <a:txBody>
                    <a:bodyPr/>
                    <a:lstStyle/>
                    <a:p>
                      <a:r>
                        <a:rPr lang="en-AU"/>
                        <a:t>Change of profession</a:t>
                      </a:r>
                      <a:endParaRPr lang="en-GB"/>
                    </a:p>
                  </a:txBody>
                  <a:tcPr/>
                </a:tc>
                <a:tc>
                  <a:txBody>
                    <a:bodyPr/>
                    <a:lstStyle/>
                    <a:p>
                      <a:r>
                        <a:rPr lang="en-AU"/>
                        <a:t>Bring domain experts to the next level in their specialities</a:t>
                      </a:r>
                      <a:endParaRPr lang="en-GB"/>
                    </a:p>
                  </a:txBody>
                  <a:tcPr/>
                </a:tc>
                <a:extLst>
                  <a:ext uri="{0D108BD9-81ED-4DB2-BD59-A6C34878D82A}">
                    <a16:rowId xmlns:a16="http://schemas.microsoft.com/office/drawing/2014/main" val="3103196564"/>
                  </a:ext>
                </a:extLst>
              </a:tr>
              <a:tr h="152400">
                <a:tc>
                  <a:txBody>
                    <a:bodyPr/>
                    <a:lstStyle/>
                    <a:p>
                      <a:r>
                        <a:rPr lang="en-AU"/>
                        <a:t>Requires expensive soft / hardware</a:t>
                      </a:r>
                      <a:endParaRPr lang="en-GB"/>
                    </a:p>
                  </a:txBody>
                  <a:tcPr/>
                </a:tc>
                <a:tc>
                  <a:txBody>
                    <a:bodyPr/>
                    <a:lstStyle/>
                    <a:p>
                      <a:r>
                        <a:rPr lang="en-AU" dirty="0"/>
                        <a:t>Most soft / hardware and supporting resources are FREE!</a:t>
                      </a:r>
                      <a:endParaRPr lang="en-GB" dirty="0"/>
                    </a:p>
                  </a:txBody>
                  <a:tcPr/>
                </a:tc>
                <a:extLst>
                  <a:ext uri="{0D108BD9-81ED-4DB2-BD59-A6C34878D82A}">
                    <a16:rowId xmlns:a16="http://schemas.microsoft.com/office/drawing/2014/main" val="4008451900"/>
                  </a:ext>
                </a:extLst>
              </a:tr>
            </a:tbl>
          </a:graphicData>
        </a:graphic>
      </p:graphicFrame>
    </p:spTree>
    <p:extLst>
      <p:ext uri="{BB962C8B-B14F-4D97-AF65-F5344CB8AC3E}">
        <p14:creationId xmlns:p14="http://schemas.microsoft.com/office/powerpoint/2010/main" val="1103992401"/>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496113371700734"/>
</p:tagLst>
</file>

<file path=ppt/tags/tag2.xml><?xml version="1.0" encoding="utf-8"?>
<p:tagLst xmlns:a="http://schemas.openxmlformats.org/drawingml/2006/main" xmlns:r="http://schemas.openxmlformats.org/officeDocument/2006/relationships" xmlns:p="http://schemas.openxmlformats.org/presentationml/2006/main">
  <p:tag name="TEMPLAFYSLIDEID" val="637496113371700733"/>
</p:tagLst>
</file>

<file path=ppt/theme/theme1.xml><?xml version="1.0" encoding="utf-8"?>
<a:theme xmlns:a="http://schemas.openxmlformats.org/drawingml/2006/main" name="MM_Template 2018">
  <a:themeElements>
    <a:clrScheme name="MM Pink">
      <a:dk1>
        <a:srgbClr val="000000"/>
      </a:dk1>
      <a:lt1>
        <a:srgbClr val="FFFFFF"/>
      </a:lt1>
      <a:dk2>
        <a:srgbClr val="575656"/>
      </a:dk2>
      <a:lt2>
        <a:srgbClr val="EDEBE6"/>
      </a:lt2>
      <a:accent1>
        <a:srgbClr val="8E3F91"/>
      </a:accent1>
      <a:accent2>
        <a:srgbClr val="FF278D"/>
      </a:accent2>
      <a:accent3>
        <a:srgbClr val="E42925"/>
      </a:accent3>
      <a:accent4>
        <a:srgbClr val="E95A1A"/>
      </a:accent4>
      <a:accent5>
        <a:srgbClr val="FFD400"/>
      </a:accent5>
      <a:accent6>
        <a:srgbClr val="F8AC04"/>
      </a:accent6>
      <a:hlink>
        <a:srgbClr val="8E3F91"/>
      </a:hlink>
      <a:folHlink>
        <a:srgbClr val="FF278D"/>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SharedWithUsers xmlns="2b1b4f4c-5c9c-49e1-ba34-f81ccd1afb48">
      <UserInfo>
        <DisplayName/>
        <AccountId xsi:nil="true"/>
        <AccountType/>
      </UserInfo>
    </SharedWithUser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2162D2A2BC086145A1E0E4A8827BDC97" ma:contentTypeVersion="13" ma:contentTypeDescription="Create a new document." ma:contentTypeScope="" ma:versionID="848951dd80aa7281fc3fa50be46514da">
  <xsd:schema xmlns:xsd="http://www.w3.org/2001/XMLSchema" xmlns:xs="http://www.w3.org/2001/XMLSchema" xmlns:p="http://schemas.microsoft.com/office/2006/metadata/properties" xmlns:ns2="6db4df98-0195-47d1-a4b2-07d281edf86f" xmlns:ns3="2b1b4f4c-5c9c-49e1-ba34-f81ccd1afb48" targetNamespace="http://schemas.microsoft.com/office/2006/metadata/properties" ma:root="true" ma:fieldsID="73c45ce5c31033b65b8490a7f7595d42" ns2:_="" ns3:_="">
    <xsd:import namespace="6db4df98-0195-47d1-a4b2-07d281edf86f"/>
    <xsd:import namespace="2b1b4f4c-5c9c-49e1-ba34-f81ccd1afb48"/>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GenerationTime" minOccurs="0"/>
                <xsd:element ref="ns2:MediaServiceEventHashCode" minOccurs="0"/>
                <xsd:element ref="ns2:MediaServiceOCR" minOccurs="0"/>
                <xsd:element ref="ns3:SharedWithUsers" minOccurs="0"/>
                <xsd:element ref="ns3:SharedWithDetails" minOccurs="0"/>
                <xsd:element ref="ns2:MediaServiceLocation" minOccurs="0"/>
                <xsd:element ref="ns2:MediaServiceAutoKeyPoints" minOccurs="0"/>
                <xsd:element ref="ns2:MediaServiceKeyPoints"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db4df98-0195-47d1-a4b2-07d281edf86f"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Location" ma:index="17" nillable="true" ma:displayName="Location" ma:internalName="MediaServiceLocation" ma:readOnly="true">
      <xsd:simpleType>
        <xsd:restriction base="dms:Text"/>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element name="MediaLengthInSeconds" ma:index="20" nillable="true" ma:displayName="Length (seconds)"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2b1b4f4c-5c9c-49e1-ba34-f81ccd1afb48"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12460BB-E16E-47BB-9A31-4AFAC86A3B18}">
  <ds:schemaRefs>
    <ds:schemaRef ds:uri="2b1b4f4c-5c9c-49e1-ba34-f81ccd1afb48"/>
    <ds:schemaRef ds:uri="6db4df98-0195-47d1-a4b2-07d281edf86f"/>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2.xml><?xml version="1.0" encoding="utf-8"?>
<ds:datastoreItem xmlns:ds="http://schemas.openxmlformats.org/officeDocument/2006/customXml" ds:itemID="{198712EB-5805-422A-BD82-DA2BD6718079}">
  <ds:schemaRefs>
    <ds:schemaRef ds:uri="http://schemas.microsoft.com/sharepoint/v3/contenttype/forms"/>
  </ds:schemaRefs>
</ds:datastoreItem>
</file>

<file path=customXml/itemProps3.xml><?xml version="1.0" encoding="utf-8"?>
<ds:datastoreItem xmlns:ds="http://schemas.openxmlformats.org/officeDocument/2006/customXml" ds:itemID="{901AD988-0B6F-4C76-97CF-C0FFCCE48AA4}">
  <ds:schemaRefs>
    <ds:schemaRef ds:uri="2b1b4f4c-5c9c-49e1-ba34-f81ccd1afb48"/>
    <ds:schemaRef ds:uri="6db4df98-0195-47d1-a4b2-07d281edf86f"/>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otalTime>1612</TotalTime>
  <Words>1990</Words>
  <Application>Microsoft Office PowerPoint</Application>
  <PresentationFormat>On-screen Show (16:9)</PresentationFormat>
  <Paragraphs>341</Paragraphs>
  <Slides>24</Slides>
  <Notes>24</Notes>
  <HiddenSlides>6</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4</vt:i4>
      </vt:variant>
    </vt:vector>
  </HeadingPairs>
  <TitlesOfParts>
    <vt:vector size="29" baseType="lpstr">
      <vt:lpstr>Arial</vt:lpstr>
      <vt:lpstr>Calibri</vt:lpstr>
      <vt:lpstr>Comic Sans MS</vt:lpstr>
      <vt:lpstr>Wingdings</vt:lpstr>
      <vt:lpstr>MM_Template 2018</vt:lpstr>
      <vt:lpstr>What is coding And how can it help us?  Steve Grigg - Australian ACD Lead</vt:lpstr>
      <vt:lpstr>PowerPoint Presentation</vt:lpstr>
      <vt:lpstr>DDN</vt:lpstr>
      <vt:lpstr>Automation and Computational Design</vt:lpstr>
      <vt:lpstr>What is Coding?</vt:lpstr>
      <vt:lpstr>PowerPoint Presentation</vt:lpstr>
      <vt:lpstr>What is Programming Language</vt:lpstr>
      <vt:lpstr>What is a Programming Language</vt:lpstr>
      <vt:lpstr>What is Programming Language</vt:lpstr>
      <vt:lpstr>Automation &amp; Computational Design – Coding Clubs</vt:lpstr>
      <vt:lpstr>Why Python</vt:lpstr>
      <vt:lpstr>Dynamo Practical Uses</vt:lpstr>
      <vt:lpstr>Python Practical Uses</vt:lpstr>
      <vt:lpstr>Python Practical Uses</vt:lpstr>
      <vt:lpstr>Python Practical Uses</vt:lpstr>
      <vt:lpstr>Other Practical Uses</vt:lpstr>
      <vt:lpstr>Practical Uses</vt:lpstr>
      <vt:lpstr>Coding Clubs</vt:lpstr>
      <vt:lpstr>Coding Clubs</vt:lpstr>
      <vt:lpstr>Python Coding Club Overview</vt:lpstr>
      <vt:lpstr>Beginner Modules</vt:lpstr>
      <vt:lpstr>Coding Club – Office Support</vt:lpstr>
      <vt:lpstr>What’s Next?</vt:lpstr>
      <vt:lpstr>Thankyou</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lanchais, Fabien G</dc:creator>
  <cp:lastModifiedBy>Steve Grigg</cp:lastModifiedBy>
  <cp:revision>1</cp:revision>
  <dcterms:modified xsi:type="dcterms:W3CDTF">2021-06-09T01:35:5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2162D2A2BC086145A1E0E4A8827BDC97</vt:lpwstr>
  </property>
  <property fmtid="{D5CDD505-2E9C-101B-9397-08002B2CF9AE}" pid="3" name="_dlc_DocIdItemGuid">
    <vt:lpwstr>4ab244ab-ead5-4b63-8231-426f19955e2b</vt:lpwstr>
  </property>
  <property fmtid="{D5CDD505-2E9C-101B-9397-08002B2CF9AE}" pid="4" name="TaxKeyword">
    <vt:lpwstr/>
  </property>
  <property fmtid="{D5CDD505-2E9C-101B-9397-08002B2CF9AE}" pid="5" name="xd_Signature">
    <vt:bool>false</vt:bool>
  </property>
  <property fmtid="{D5CDD505-2E9C-101B-9397-08002B2CF9AE}" pid="6" name="xd_ProgID">
    <vt:lpwstr/>
  </property>
  <property fmtid="{D5CDD505-2E9C-101B-9397-08002B2CF9AE}" pid="7" name="_dlc_DocId">
    <vt:lpwstr>bf-00443-387264427-9531</vt:lpwstr>
  </property>
  <property fmtid="{D5CDD505-2E9C-101B-9397-08002B2CF9AE}" pid="8" name="ComplianceAssetId">
    <vt:lpwstr/>
  </property>
  <property fmtid="{D5CDD505-2E9C-101B-9397-08002B2CF9AE}" pid="9" name="TemplateUrl">
    <vt:lpwstr/>
  </property>
  <property fmtid="{D5CDD505-2E9C-101B-9397-08002B2CF9AE}" pid="10" name="_dlc_DocIdUrl">
    <vt:lpwstr>https://mottmac.sharepoint.com/teams/bf-00443/_layouts/15/DocIdRedir.aspx?ID=bf-00443-387264427-9531, bf-00443-387264427-9531</vt:lpwstr>
  </property>
</Properties>
</file>